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15360" windowHeight="763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U36" i="10"/>
  <c r="C36" i="10"/>
  <c r="CO35" i="10"/>
  <c r="BE35" i="10"/>
  <c r="AM35" i="10"/>
  <c r="U35" i="10"/>
  <c r="C35" i="10"/>
  <c r="BW34" i="10"/>
  <c r="BW35" i="10" s="1"/>
  <c r="BE34" i="10"/>
  <c r="AM34" i="10"/>
  <c r="U34" i="10"/>
  <c r="C34" i="10"/>
  <c r="BW36" i="10" l="1"/>
  <c r="BW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alcChain>
</file>

<file path=xl/sharedStrings.xml><?xml version="1.0" encoding="utf-8"?>
<sst xmlns="http://schemas.openxmlformats.org/spreadsheetml/2006/main" count="1137"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寒川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寒川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寒川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t>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t>
    <phoneticPr fontId="5"/>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一般会計</t>
  </si>
  <si>
    <t>介護保険事業特別会計</t>
  </si>
  <si>
    <t>国民健康保険事業特別会計</t>
  </si>
  <si>
    <t>下水道事業特別会計</t>
  </si>
  <si>
    <t>後期高齢者医療事業特別会計</t>
  </si>
  <si>
    <t>その他会計（赤字）</t>
  </si>
  <si>
    <t>その他会計（黒字）</t>
  </si>
  <si>
    <t>（百万円）</t>
    <phoneticPr fontId="5"/>
  </si>
  <si>
    <t>H30</t>
    <phoneticPr fontId="5"/>
  </si>
  <si>
    <t>R01</t>
    <phoneticPr fontId="5"/>
  </si>
  <si>
    <t>R02</t>
    <phoneticPr fontId="5"/>
  </si>
  <si>
    <t>R03</t>
    <phoneticPr fontId="5"/>
  </si>
  <si>
    <t>R04</t>
    <phoneticPr fontId="5"/>
  </si>
  <si>
    <t>寒川町土地開発公社</t>
    <phoneticPr fontId="2"/>
  </si>
  <si>
    <t>神奈川県市町村職員退職手当組合</t>
  </si>
  <si>
    <t>神奈川県市町村情報システム共同事業組合</t>
  </si>
  <si>
    <t>神奈川県後期高齢者医療広域連合（一般会計）</t>
    <rPh sb="16" eb="18">
      <t>イッパン</t>
    </rPh>
    <rPh sb="18" eb="20">
      <t>カイケイ</t>
    </rPh>
    <phoneticPr fontId="2"/>
  </si>
  <si>
    <t>神奈川県後期高齢者医療広域連合（特別会計）</t>
    <rPh sb="16" eb="18">
      <t>トクベツ</t>
    </rPh>
    <phoneticPr fontId="2"/>
  </si>
  <si>
    <t>東海道新幹線新駅整備基金</t>
  </si>
  <si>
    <t>まちづくり基金</t>
  </si>
  <si>
    <t>緑化基金</t>
  </si>
  <si>
    <t>国際交流基金</t>
  </si>
  <si>
    <t>都市基盤整備事業基金</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については、将来負担額よりも充当可能基金額等が大きいことから、将来負担比率の算出はできない。（負の数値となるため、「-」と表記）
そのため、類似団体内平均値と比較しても、大幅に低い水準で推移している。
一方で、有形固定資産減価償却率は毎年度増加しており、公共施設の老朽化が進んでいることを示している。今後、高齢化及び人口減少が進み、社会保障費の増加と町税の減収が想定されるため、長期的な視点を持って、「寒川町公共施設等総合管理計画」に基づき、公共施設の更新、統廃合、複合化等を計画的に進めつつも、将来負担と公共施設の最適化のバランスを図っていく。</t>
    <rPh sb="67" eb="69">
      <t>ヒョウキ</t>
    </rPh>
    <rPh sb="80" eb="81">
      <t>ナイ</t>
    </rPh>
    <rPh sb="81" eb="84">
      <t>ヘイキンチ</t>
    </rPh>
    <phoneticPr fontId="5"/>
  </si>
  <si>
    <t>将来負担比率については、将来負担額よりも充当可能基金額等が大きいことから、将来負担比率の算出はできない。（負の数値となるため、「-」と表記）
そのため、類似団体内平均値と比較しても、大幅に低い水準で推移している。
令和4年度実質公債費比率については、町営プール整備事業の元金償還の開始により、「公債費に準ずる債務負担行為に係るもの」が増加したことなどにより、令和3年度と比べて、0.2ポイント増の3.3％となった。今後は、「寒川町公共施設等総合管理計画」に基づく公共施設の更新、統廃合、複合化等により、元利償還金や地方債現在残額が増となる可能性があるため、適正水準の確保に努めていく。</t>
    <rPh sb="125" eb="127">
      <t>チョウエイ</t>
    </rPh>
    <rPh sb="130" eb="132">
      <t>セイビ</t>
    </rPh>
    <rPh sb="135" eb="139">
      <t>ガンキンショウカン</t>
    </rPh>
    <rPh sb="140" eb="142">
      <t>カイシ</t>
    </rPh>
    <rPh sb="167" eb="169">
      <t>ゾウカ</t>
    </rPh>
    <rPh sb="179" eb="181">
      <t>レイワ</t>
    </rPh>
    <rPh sb="182" eb="184">
      <t>ネンド</t>
    </rPh>
    <rPh sb="185" eb="186">
      <t>クラ</t>
    </rPh>
    <rPh sb="196" eb="197">
      <t>ゾ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7387</c:v>
                </c:pt>
                <c:pt idx="1">
                  <c:v>51264</c:v>
                </c:pt>
                <c:pt idx="2">
                  <c:v>52068</c:v>
                </c:pt>
                <c:pt idx="3">
                  <c:v>47161</c:v>
                </c:pt>
                <c:pt idx="4">
                  <c:v>43423</c:v>
                </c:pt>
              </c:numCache>
            </c:numRef>
          </c:val>
          <c:smooth val="0"/>
          <c:extLst>
            <c:ext xmlns:c16="http://schemas.microsoft.com/office/drawing/2014/chart" uri="{C3380CC4-5D6E-409C-BE32-E72D297353CC}">
              <c16:uniqueId val="{00000000-34C7-40F6-AC45-C2FD1F257FC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18293</c:v>
                </c:pt>
                <c:pt idx="1">
                  <c:v>19704</c:v>
                </c:pt>
                <c:pt idx="2">
                  <c:v>38293</c:v>
                </c:pt>
                <c:pt idx="3">
                  <c:v>24767</c:v>
                </c:pt>
                <c:pt idx="4">
                  <c:v>33173</c:v>
                </c:pt>
              </c:numCache>
            </c:numRef>
          </c:val>
          <c:smooth val="0"/>
          <c:extLst>
            <c:ext xmlns:c16="http://schemas.microsoft.com/office/drawing/2014/chart" uri="{C3380CC4-5D6E-409C-BE32-E72D297353CC}">
              <c16:uniqueId val="{00000001-34C7-40F6-AC45-C2FD1F257FC2}"/>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11.73</c:v>
                </c:pt>
                <c:pt idx="1">
                  <c:v>11.55</c:v>
                </c:pt>
                <c:pt idx="2">
                  <c:v>10.07</c:v>
                </c:pt>
                <c:pt idx="3">
                  <c:v>22.76</c:v>
                </c:pt>
                <c:pt idx="4">
                  <c:v>18.829999999999998</c:v>
                </c:pt>
              </c:numCache>
            </c:numRef>
          </c:val>
          <c:extLst>
            <c:ext xmlns:c16="http://schemas.microsoft.com/office/drawing/2014/chart" uri="{C3380CC4-5D6E-409C-BE32-E72D297353CC}">
              <c16:uniqueId val="{00000000-4342-4958-8BEF-B6C04C38900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0.63</c:v>
                </c:pt>
                <c:pt idx="1">
                  <c:v>24.21</c:v>
                </c:pt>
                <c:pt idx="2">
                  <c:v>24.56</c:v>
                </c:pt>
                <c:pt idx="3">
                  <c:v>26.77</c:v>
                </c:pt>
                <c:pt idx="4">
                  <c:v>30.84</c:v>
                </c:pt>
              </c:numCache>
            </c:numRef>
          </c:val>
          <c:extLst>
            <c:ext xmlns:c16="http://schemas.microsoft.com/office/drawing/2014/chart" uri="{C3380CC4-5D6E-409C-BE32-E72D297353CC}">
              <c16:uniqueId val="{00000001-4342-4958-8BEF-B6C04C389009}"/>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5.58</c:v>
                </c:pt>
                <c:pt idx="1">
                  <c:v>3.42</c:v>
                </c:pt>
                <c:pt idx="2">
                  <c:v>0.74</c:v>
                </c:pt>
                <c:pt idx="3">
                  <c:v>13.65</c:v>
                </c:pt>
                <c:pt idx="4">
                  <c:v>4.21</c:v>
                </c:pt>
              </c:numCache>
            </c:numRef>
          </c:val>
          <c:smooth val="0"/>
          <c:extLst>
            <c:ext xmlns:c16="http://schemas.microsoft.com/office/drawing/2014/chart" uri="{C3380CC4-5D6E-409C-BE32-E72D297353CC}">
              <c16:uniqueId val="{00000002-4342-4958-8BEF-B6C04C389009}"/>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FF02-4E2D-AEB1-985CD71B845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FF02-4E2D-AEB1-985CD71B8458}"/>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FF02-4E2D-AEB1-985CD71B8458}"/>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FF02-4E2D-AEB1-985CD71B8458}"/>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FF02-4E2D-AEB1-985CD71B8458}"/>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24</c:v>
                </c:pt>
                <c:pt idx="2">
                  <c:v>#N/A</c:v>
                </c:pt>
                <c:pt idx="3">
                  <c:v>0.26</c:v>
                </c:pt>
                <c:pt idx="4">
                  <c:v>#N/A</c:v>
                </c:pt>
                <c:pt idx="5">
                  <c:v>0.28000000000000003</c:v>
                </c:pt>
                <c:pt idx="6">
                  <c:v>#N/A</c:v>
                </c:pt>
                <c:pt idx="7">
                  <c:v>0.62</c:v>
                </c:pt>
                <c:pt idx="8">
                  <c:v>#N/A</c:v>
                </c:pt>
                <c:pt idx="9">
                  <c:v>0.28000000000000003</c:v>
                </c:pt>
              </c:numCache>
            </c:numRef>
          </c:val>
          <c:extLst>
            <c:ext xmlns:c16="http://schemas.microsoft.com/office/drawing/2014/chart" uri="{C3380CC4-5D6E-409C-BE32-E72D297353CC}">
              <c16:uniqueId val="{00000005-FF02-4E2D-AEB1-985CD71B8458}"/>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33</c:v>
                </c:pt>
                <c:pt idx="2">
                  <c:v>#N/A</c:v>
                </c:pt>
                <c:pt idx="3">
                  <c:v>1.1000000000000001</c:v>
                </c:pt>
                <c:pt idx="4">
                  <c:v>#N/A</c:v>
                </c:pt>
                <c:pt idx="5">
                  <c:v>1.26</c:v>
                </c:pt>
                <c:pt idx="6">
                  <c:v>#N/A</c:v>
                </c:pt>
                <c:pt idx="7">
                  <c:v>1.24</c:v>
                </c:pt>
                <c:pt idx="8">
                  <c:v>#N/A</c:v>
                </c:pt>
                <c:pt idx="9">
                  <c:v>1.1499999999999999</c:v>
                </c:pt>
              </c:numCache>
            </c:numRef>
          </c:val>
          <c:extLst>
            <c:ext xmlns:c16="http://schemas.microsoft.com/office/drawing/2014/chart" uri="{C3380CC4-5D6E-409C-BE32-E72D297353CC}">
              <c16:uniqueId val="{00000006-FF02-4E2D-AEB1-985CD71B8458}"/>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1.4</c:v>
                </c:pt>
                <c:pt idx="2">
                  <c:v>#N/A</c:v>
                </c:pt>
                <c:pt idx="3">
                  <c:v>0.61</c:v>
                </c:pt>
                <c:pt idx="4">
                  <c:v>#N/A</c:v>
                </c:pt>
                <c:pt idx="5">
                  <c:v>2.0499999999999998</c:v>
                </c:pt>
                <c:pt idx="6">
                  <c:v>#N/A</c:v>
                </c:pt>
                <c:pt idx="7">
                  <c:v>1.89</c:v>
                </c:pt>
                <c:pt idx="8">
                  <c:v>#N/A</c:v>
                </c:pt>
                <c:pt idx="9">
                  <c:v>1.39</c:v>
                </c:pt>
              </c:numCache>
            </c:numRef>
          </c:val>
          <c:extLst>
            <c:ext xmlns:c16="http://schemas.microsoft.com/office/drawing/2014/chart" uri="{C3380CC4-5D6E-409C-BE32-E72D297353CC}">
              <c16:uniqueId val="{00000007-FF02-4E2D-AEB1-985CD71B8458}"/>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2.6</c:v>
                </c:pt>
                <c:pt idx="2">
                  <c:v>#N/A</c:v>
                </c:pt>
                <c:pt idx="3">
                  <c:v>3.26</c:v>
                </c:pt>
                <c:pt idx="4">
                  <c:v>#N/A</c:v>
                </c:pt>
                <c:pt idx="5">
                  <c:v>3.65</c:v>
                </c:pt>
                <c:pt idx="6">
                  <c:v>#N/A</c:v>
                </c:pt>
                <c:pt idx="7">
                  <c:v>2.6</c:v>
                </c:pt>
                <c:pt idx="8">
                  <c:v>#N/A</c:v>
                </c:pt>
                <c:pt idx="9">
                  <c:v>2.2200000000000002</c:v>
                </c:pt>
              </c:numCache>
            </c:numRef>
          </c:val>
          <c:extLst>
            <c:ext xmlns:c16="http://schemas.microsoft.com/office/drawing/2014/chart" uri="{C3380CC4-5D6E-409C-BE32-E72D297353CC}">
              <c16:uniqueId val="{00000008-FF02-4E2D-AEB1-985CD71B845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1.73</c:v>
                </c:pt>
                <c:pt idx="2">
                  <c:v>#N/A</c:v>
                </c:pt>
                <c:pt idx="3">
                  <c:v>11.55</c:v>
                </c:pt>
                <c:pt idx="4">
                  <c:v>#N/A</c:v>
                </c:pt>
                <c:pt idx="5">
                  <c:v>10.07</c:v>
                </c:pt>
                <c:pt idx="6">
                  <c:v>#N/A</c:v>
                </c:pt>
                <c:pt idx="7">
                  <c:v>22.76</c:v>
                </c:pt>
                <c:pt idx="8">
                  <c:v>#N/A</c:v>
                </c:pt>
                <c:pt idx="9">
                  <c:v>18.829999999999998</c:v>
                </c:pt>
              </c:numCache>
            </c:numRef>
          </c:val>
          <c:extLst>
            <c:ext xmlns:c16="http://schemas.microsoft.com/office/drawing/2014/chart" uri="{C3380CC4-5D6E-409C-BE32-E72D297353CC}">
              <c16:uniqueId val="{00000009-FF02-4E2D-AEB1-985CD71B8458}"/>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193</c:v>
                </c:pt>
                <c:pt idx="5">
                  <c:v>1034</c:v>
                </c:pt>
                <c:pt idx="8">
                  <c:v>1127</c:v>
                </c:pt>
                <c:pt idx="11">
                  <c:v>1073</c:v>
                </c:pt>
                <c:pt idx="14">
                  <c:v>1020</c:v>
                </c:pt>
              </c:numCache>
            </c:numRef>
          </c:val>
          <c:extLst>
            <c:ext xmlns:c16="http://schemas.microsoft.com/office/drawing/2014/chart" uri="{C3380CC4-5D6E-409C-BE32-E72D297353CC}">
              <c16:uniqueId val="{00000000-C6D8-4752-96DF-E30EB4AE380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C6D8-4752-96DF-E30EB4AE380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99</c:v>
                </c:pt>
                <c:pt idx="3">
                  <c:v>99</c:v>
                </c:pt>
                <c:pt idx="6">
                  <c:v>99</c:v>
                </c:pt>
                <c:pt idx="9">
                  <c:v>99</c:v>
                </c:pt>
                <c:pt idx="12">
                  <c:v>125</c:v>
                </c:pt>
              </c:numCache>
            </c:numRef>
          </c:val>
          <c:extLst>
            <c:ext xmlns:c16="http://schemas.microsoft.com/office/drawing/2014/chart" uri="{C3380CC4-5D6E-409C-BE32-E72D297353CC}">
              <c16:uniqueId val="{00000002-C6D8-4752-96DF-E30EB4AE380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6D8-4752-96DF-E30EB4AE380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50</c:v>
                </c:pt>
                <c:pt idx="3">
                  <c:v>248</c:v>
                </c:pt>
                <c:pt idx="6">
                  <c:v>202</c:v>
                </c:pt>
                <c:pt idx="9">
                  <c:v>195</c:v>
                </c:pt>
                <c:pt idx="12">
                  <c:v>212</c:v>
                </c:pt>
              </c:numCache>
            </c:numRef>
          </c:val>
          <c:extLst>
            <c:ext xmlns:c16="http://schemas.microsoft.com/office/drawing/2014/chart" uri="{C3380CC4-5D6E-409C-BE32-E72D297353CC}">
              <c16:uniqueId val="{00000004-C6D8-4752-96DF-E30EB4AE380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6D8-4752-96DF-E30EB4AE380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C6D8-4752-96DF-E30EB4AE380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139</c:v>
                </c:pt>
                <c:pt idx="3">
                  <c:v>980</c:v>
                </c:pt>
                <c:pt idx="6">
                  <c:v>1032</c:v>
                </c:pt>
                <c:pt idx="9">
                  <c:v>1099</c:v>
                </c:pt>
                <c:pt idx="12">
                  <c:v>1083</c:v>
                </c:pt>
              </c:numCache>
            </c:numRef>
          </c:val>
          <c:extLst>
            <c:ext xmlns:c16="http://schemas.microsoft.com/office/drawing/2014/chart" uri="{C3380CC4-5D6E-409C-BE32-E72D297353CC}">
              <c16:uniqueId val="{00000007-C6D8-4752-96DF-E30EB4AE380F}"/>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295</c:v>
                </c:pt>
                <c:pt idx="2">
                  <c:v>#N/A</c:v>
                </c:pt>
                <c:pt idx="3">
                  <c:v>#N/A</c:v>
                </c:pt>
                <c:pt idx="4">
                  <c:v>293</c:v>
                </c:pt>
                <c:pt idx="5">
                  <c:v>#N/A</c:v>
                </c:pt>
                <c:pt idx="6">
                  <c:v>#N/A</c:v>
                </c:pt>
                <c:pt idx="7">
                  <c:v>206</c:v>
                </c:pt>
                <c:pt idx="8">
                  <c:v>#N/A</c:v>
                </c:pt>
                <c:pt idx="9">
                  <c:v>#N/A</c:v>
                </c:pt>
                <c:pt idx="10">
                  <c:v>320</c:v>
                </c:pt>
                <c:pt idx="11">
                  <c:v>#N/A</c:v>
                </c:pt>
                <c:pt idx="12">
                  <c:v>#N/A</c:v>
                </c:pt>
                <c:pt idx="13">
                  <c:v>400</c:v>
                </c:pt>
                <c:pt idx="14">
                  <c:v>#N/A</c:v>
                </c:pt>
              </c:numCache>
            </c:numRef>
          </c:val>
          <c:smooth val="0"/>
          <c:extLst>
            <c:ext xmlns:c16="http://schemas.microsoft.com/office/drawing/2014/chart" uri="{C3380CC4-5D6E-409C-BE32-E72D297353CC}">
              <c16:uniqueId val="{00000008-C6D8-4752-96DF-E30EB4AE380F}"/>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6777</c:v>
                </c:pt>
                <c:pt idx="5">
                  <c:v>6223</c:v>
                </c:pt>
                <c:pt idx="8">
                  <c:v>5643</c:v>
                </c:pt>
                <c:pt idx="11">
                  <c:v>5280</c:v>
                </c:pt>
                <c:pt idx="14">
                  <c:v>4900</c:v>
                </c:pt>
              </c:numCache>
            </c:numRef>
          </c:val>
          <c:extLst>
            <c:ext xmlns:c16="http://schemas.microsoft.com/office/drawing/2014/chart" uri="{C3380CC4-5D6E-409C-BE32-E72D297353CC}">
              <c16:uniqueId val="{00000000-F81C-4BAE-88CD-00A80D1EC22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2294</c:v>
                </c:pt>
                <c:pt idx="5">
                  <c:v>2325</c:v>
                </c:pt>
                <c:pt idx="8">
                  <c:v>2257</c:v>
                </c:pt>
                <c:pt idx="11">
                  <c:v>2122</c:v>
                </c:pt>
                <c:pt idx="14">
                  <c:v>2407</c:v>
                </c:pt>
              </c:numCache>
            </c:numRef>
          </c:val>
          <c:extLst>
            <c:ext xmlns:c16="http://schemas.microsoft.com/office/drawing/2014/chart" uri="{C3380CC4-5D6E-409C-BE32-E72D297353CC}">
              <c16:uniqueId val="{00000001-F81C-4BAE-88CD-00A80D1EC22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4612</c:v>
                </c:pt>
                <c:pt idx="5">
                  <c:v>4970</c:v>
                </c:pt>
                <c:pt idx="8">
                  <c:v>4963</c:v>
                </c:pt>
                <c:pt idx="11">
                  <c:v>5017</c:v>
                </c:pt>
                <c:pt idx="14">
                  <c:v>5675</c:v>
                </c:pt>
              </c:numCache>
            </c:numRef>
          </c:val>
          <c:extLst>
            <c:ext xmlns:c16="http://schemas.microsoft.com/office/drawing/2014/chart" uri="{C3380CC4-5D6E-409C-BE32-E72D297353CC}">
              <c16:uniqueId val="{00000002-F81C-4BAE-88CD-00A80D1EC22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81C-4BAE-88CD-00A80D1EC22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81C-4BAE-88CD-00A80D1EC22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81C-4BAE-88CD-00A80D1EC22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171</c:v>
                </c:pt>
                <c:pt idx="3">
                  <c:v>1223</c:v>
                </c:pt>
                <c:pt idx="6">
                  <c:v>1103</c:v>
                </c:pt>
                <c:pt idx="9">
                  <c:v>720</c:v>
                </c:pt>
                <c:pt idx="12">
                  <c:v>758</c:v>
                </c:pt>
              </c:numCache>
            </c:numRef>
          </c:val>
          <c:extLst>
            <c:ext xmlns:c16="http://schemas.microsoft.com/office/drawing/2014/chart" uri="{C3380CC4-5D6E-409C-BE32-E72D297353CC}">
              <c16:uniqueId val="{00000006-F81C-4BAE-88CD-00A80D1EC22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F81C-4BAE-88CD-00A80D1EC22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779</c:v>
                </c:pt>
                <c:pt idx="3">
                  <c:v>2686</c:v>
                </c:pt>
                <c:pt idx="6">
                  <c:v>2559</c:v>
                </c:pt>
                <c:pt idx="9">
                  <c:v>2489</c:v>
                </c:pt>
                <c:pt idx="12">
                  <c:v>2701</c:v>
                </c:pt>
              </c:numCache>
            </c:numRef>
          </c:val>
          <c:extLst>
            <c:ext xmlns:c16="http://schemas.microsoft.com/office/drawing/2014/chart" uri="{C3380CC4-5D6E-409C-BE32-E72D297353CC}">
              <c16:uniqueId val="{00000008-F81C-4BAE-88CD-00A80D1EC22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717</c:v>
                </c:pt>
                <c:pt idx="3">
                  <c:v>1157</c:v>
                </c:pt>
                <c:pt idx="6">
                  <c:v>1013</c:v>
                </c:pt>
                <c:pt idx="9">
                  <c:v>919</c:v>
                </c:pt>
                <c:pt idx="12">
                  <c:v>1010</c:v>
                </c:pt>
              </c:numCache>
            </c:numRef>
          </c:val>
          <c:extLst>
            <c:ext xmlns:c16="http://schemas.microsoft.com/office/drawing/2014/chart" uri="{C3380CC4-5D6E-409C-BE32-E72D297353CC}">
              <c16:uniqueId val="{00000009-F81C-4BAE-88CD-00A80D1EC22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7901</c:v>
                </c:pt>
                <c:pt idx="3">
                  <c:v>7490</c:v>
                </c:pt>
                <c:pt idx="6">
                  <c:v>7523</c:v>
                </c:pt>
                <c:pt idx="9">
                  <c:v>6989</c:v>
                </c:pt>
                <c:pt idx="12">
                  <c:v>6859</c:v>
                </c:pt>
              </c:numCache>
            </c:numRef>
          </c:val>
          <c:extLst>
            <c:ext xmlns:c16="http://schemas.microsoft.com/office/drawing/2014/chart" uri="{C3380CC4-5D6E-409C-BE32-E72D297353CC}">
              <c16:uniqueId val="{0000000A-F81C-4BAE-88CD-00A80D1EC224}"/>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F81C-4BAE-88CD-00A80D1EC224}"/>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416</c:v>
                </c:pt>
                <c:pt idx="1">
                  <c:v>2541</c:v>
                </c:pt>
                <c:pt idx="2">
                  <c:v>3189</c:v>
                </c:pt>
              </c:numCache>
            </c:numRef>
          </c:val>
          <c:extLst>
            <c:ext xmlns:c16="http://schemas.microsoft.com/office/drawing/2014/chart" uri="{C3380CC4-5D6E-409C-BE32-E72D297353CC}">
              <c16:uniqueId val="{00000000-0777-4B6D-B0FE-F306C367A03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47</c:v>
                </c:pt>
                <c:pt idx="1">
                  <c:v>46</c:v>
                </c:pt>
                <c:pt idx="2">
                  <c:v>46</c:v>
                </c:pt>
              </c:numCache>
            </c:numRef>
          </c:val>
          <c:extLst>
            <c:ext xmlns:c16="http://schemas.microsoft.com/office/drawing/2014/chart" uri="{C3380CC4-5D6E-409C-BE32-E72D297353CC}">
              <c16:uniqueId val="{00000001-0777-4B6D-B0FE-F306C367A03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314</c:v>
                </c:pt>
                <c:pt idx="1">
                  <c:v>1322</c:v>
                </c:pt>
                <c:pt idx="2">
                  <c:v>1374</c:v>
                </c:pt>
              </c:numCache>
            </c:numRef>
          </c:val>
          <c:extLst>
            <c:ext xmlns:c16="http://schemas.microsoft.com/office/drawing/2014/chart" uri="{C3380CC4-5D6E-409C-BE32-E72D297353CC}">
              <c16:uniqueId val="{00000002-0777-4B6D-B0FE-F306C367A033}"/>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3454B6-CDB6-408C-B05C-61FE93C3265D}</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AF98-4F50-A138-00DEB980C1D5}"/>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FC7E75F-13AF-4E84-A3BA-4242C64B52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F98-4F50-A138-00DEB980C1D5}"/>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57BBFD5-3359-4786-B8E3-563AAA385E3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F98-4F50-A138-00DEB980C1D5}"/>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71B9F48-D237-453D-9DD6-0FBCA8B7783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F98-4F50-A138-00DEB980C1D5}"/>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50325F9-B1CA-49ED-B541-17190CD3775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F98-4F50-A138-00DEB980C1D5}"/>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2564E58-EF0A-423C-8C14-0DD28677C67F}</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AF98-4F50-A138-00DEB980C1D5}"/>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4AE3D3D-A5B8-4FDD-AE8E-9818991BB8DE}</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AF98-4F50-A138-00DEB980C1D5}"/>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7F5D265-07C9-48ED-812C-94605269223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AF98-4F50-A138-00DEB980C1D5}"/>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80F5600-6303-4015-BC70-08A2543E96FC}</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AF98-4F50-A138-00DEB980C1D5}"/>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5.099999999999994</c:v>
                </c:pt>
                <c:pt idx="8">
                  <c:v>66.400000000000006</c:v>
                </c:pt>
                <c:pt idx="16">
                  <c:v>68</c:v>
                </c:pt>
                <c:pt idx="24">
                  <c:v>69.400000000000006</c:v>
                </c:pt>
                <c:pt idx="32">
                  <c:v>71</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AF98-4F50-A138-00DEB980C1D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2DF8134-060F-4669-97CB-A377FB7D1119}</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AF98-4F50-A138-00DEB980C1D5}"/>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AC8ED2B-1B79-4A0A-9D56-62003F2AAC3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F98-4F50-A138-00DEB980C1D5}"/>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E05618C-9DDB-4202-9410-A71A9B661FC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F98-4F50-A138-00DEB980C1D5}"/>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78EBCE2-613A-4A4A-B3F6-7D4812DE759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F98-4F50-A138-00DEB980C1D5}"/>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EA243D1-453B-464A-A466-5CF25EDE184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F98-4F50-A138-00DEB980C1D5}"/>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ECB92DF-62D9-4E84-AE98-85A0B73CE4D2}</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AF98-4F50-A138-00DEB980C1D5}"/>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901357E-BCCA-4250-A20F-F4464713361B}</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AF98-4F50-A138-00DEB980C1D5}"/>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DE80F6-6682-4892-BA08-783AA31E5F1C}</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AF98-4F50-A138-00DEB980C1D5}"/>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2C5BC9-B8EB-4655-9F6B-29C5CEEBE70A}</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AF98-4F50-A138-00DEB980C1D5}"/>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3</c:v>
                </c:pt>
                <c:pt idx="8">
                  <c:v>60.3</c:v>
                </c:pt>
                <c:pt idx="16">
                  <c:v>61.5</c:v>
                </c:pt>
                <c:pt idx="24">
                  <c:v>61</c:v>
                </c:pt>
                <c:pt idx="32">
                  <c:v>62.3</c:v>
                </c:pt>
              </c:numCache>
            </c:numRef>
          </c:xVal>
          <c:yVal>
            <c:numRef>
              <c:f>公会計指標分析・財政指標組合せ分析表!$BP$55:$DC$55</c:f>
              <c:numCache>
                <c:formatCode>#,##0.0;"▲ "#,##0.0</c:formatCode>
                <c:ptCount val="40"/>
                <c:pt idx="0">
                  <c:v>18.2</c:v>
                </c:pt>
                <c:pt idx="8">
                  <c:v>20.3</c:v>
                </c:pt>
                <c:pt idx="16">
                  <c:v>15.5</c:v>
                </c:pt>
                <c:pt idx="24">
                  <c:v>4.5999999999999996</c:v>
                </c:pt>
                <c:pt idx="32">
                  <c:v>1.6</c:v>
                </c:pt>
              </c:numCache>
            </c:numRef>
          </c:yVal>
          <c:smooth val="0"/>
          <c:extLst>
            <c:ext xmlns:c16="http://schemas.microsoft.com/office/drawing/2014/chart" uri="{C3380CC4-5D6E-409C-BE32-E72D297353CC}">
              <c16:uniqueId val="{00000013-AF98-4F50-A138-00DEB980C1D5}"/>
            </c:ext>
          </c:extLst>
        </c:ser>
        <c:dLbls>
          <c:showLegendKey val="0"/>
          <c:showVal val="1"/>
          <c:showCatName val="0"/>
          <c:showSerName val="0"/>
          <c:showPercent val="0"/>
          <c:showBubbleSize val="0"/>
        </c:dLbls>
        <c:axId val="46179840"/>
        <c:axId val="46181760"/>
      </c:scatterChart>
      <c:valAx>
        <c:axId val="46179840"/>
        <c:scaling>
          <c:orientation val="maxMin"/>
          <c:max val="63"/>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3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0DC84F7-39FF-4312-9297-137896B0338D}</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36ED-4FB0-86A9-BDA5A022B75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45B5B3-D94C-46A4-A48F-9FDBB4D3BBF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6ED-4FB0-86A9-BDA5A022B75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24F1C06-E96B-4236-A9D0-D96B77A9999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6ED-4FB0-86A9-BDA5A022B75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215CE7E-39F2-4BBB-88D4-D659FB56CE7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6ED-4FB0-86A9-BDA5A022B75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D3907B-4925-4D31-89C3-A0C8C0FCEB9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6ED-4FB0-86A9-BDA5A022B750}"/>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099B31D-F0DC-4282-9C5E-DDA884A8C787}</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36ED-4FB0-86A9-BDA5A022B750}"/>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7E1B7B6-71EB-4E2F-966C-656826F3ACB8}</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36ED-4FB0-86A9-BDA5A022B750}"/>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16BA22A-B923-472E-A511-35877CB0E68E}</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36ED-4FB0-86A9-BDA5A022B750}"/>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FBA01E8-8BE1-4B2E-9D9F-433638CC29B0}</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36ED-4FB0-86A9-BDA5A022B75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2</c:v>
                </c:pt>
                <c:pt idx="8">
                  <c:v>3.2</c:v>
                </c:pt>
                <c:pt idx="16">
                  <c:v>3</c:v>
                </c:pt>
                <c:pt idx="24">
                  <c:v>3.1</c:v>
                </c:pt>
                <c:pt idx="32">
                  <c:v>3.3</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36ED-4FB0-86A9-BDA5A022B75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E29D761-72D8-4725-B28A-8D584CF8430A}</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36ED-4FB0-86A9-BDA5A022B75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79BE7185-FF2F-474D-9559-57AD066B4B5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6ED-4FB0-86A9-BDA5A022B75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E12DA04-4697-4FB6-A40B-6EC525C1EAA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6ED-4FB0-86A9-BDA5A022B75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69CA949-0A8E-413D-88F2-408C0D698B4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6ED-4FB0-86A9-BDA5A022B75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C7397BE-9C6F-4D30-99C5-79BD507D5AA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6ED-4FB0-86A9-BDA5A022B750}"/>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DC92EFA-B57C-411A-8D7E-EC13F8B36D83}</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36ED-4FB0-86A9-BDA5A022B750}"/>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194D5D-793C-4392-A89A-8B77E97873B4}</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36ED-4FB0-86A9-BDA5A022B750}"/>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A961458-D794-4416-AF94-D14D65074462}</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36ED-4FB0-86A9-BDA5A022B750}"/>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607693F-2AAC-4EAD-A157-9CDA4A5421B4}</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36ED-4FB0-86A9-BDA5A022B75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6</c:v>
                </c:pt>
                <c:pt idx="16">
                  <c:v>6.4</c:v>
                </c:pt>
                <c:pt idx="24">
                  <c:v>6.3</c:v>
                </c:pt>
                <c:pt idx="32">
                  <c:v>6.6</c:v>
                </c:pt>
              </c:numCache>
            </c:numRef>
          </c:xVal>
          <c:yVal>
            <c:numRef>
              <c:f>公会計指標分析・財政指標組合せ分析表!$BP$77:$DC$77</c:f>
              <c:numCache>
                <c:formatCode>#,##0.0;"▲ "#,##0.0</c:formatCode>
                <c:ptCount val="40"/>
                <c:pt idx="0">
                  <c:v>18.2</c:v>
                </c:pt>
                <c:pt idx="8">
                  <c:v>20.3</c:v>
                </c:pt>
                <c:pt idx="16">
                  <c:v>15.5</c:v>
                </c:pt>
                <c:pt idx="24">
                  <c:v>4.5999999999999996</c:v>
                </c:pt>
                <c:pt idx="32">
                  <c:v>1.6</c:v>
                </c:pt>
              </c:numCache>
            </c:numRef>
          </c:yVal>
          <c:smooth val="0"/>
          <c:extLst>
            <c:ext xmlns:c16="http://schemas.microsoft.com/office/drawing/2014/chart" uri="{C3380CC4-5D6E-409C-BE32-E72D297353CC}">
              <c16:uniqueId val="{00000013-36ED-4FB0-86A9-BDA5A022B750}"/>
            </c:ext>
          </c:extLst>
        </c:ser>
        <c:dLbls>
          <c:showLegendKey val="0"/>
          <c:showVal val="1"/>
          <c:showCatName val="0"/>
          <c:showSerName val="0"/>
          <c:showPercent val="0"/>
          <c:showBubbleSize val="0"/>
        </c:dLbls>
        <c:axId val="84219776"/>
        <c:axId val="84234240"/>
      </c:scatterChart>
      <c:valAx>
        <c:axId val="84219776"/>
        <c:scaling>
          <c:orientation val="maxMin"/>
          <c:max val="6.8999999999999995"/>
          <c:min val="6.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3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一般会計における元利償還金について、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4</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は新規借入に伴う新たな元金</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償還</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よりも、過去借入分の償還終了分が上回ったことによる償還元金の減や、過去借入分の償還終了や償還年数の経過に伴う利子分の減により、</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6</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減となってい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なお、次年度以降は公共施設</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等の再編</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や田端西地区まちづくり事業など、大型の公共事業が予定されているため、将来的に公債費比率の増加が見込ま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今後も引き続き、県内や類似団体平均値を一つの目安としながら、適正水準の確保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満期一括債なし</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4</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の地方債残高は、公営企業会計にて田端西地区まちづくり事業に係る</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前年度以上の大幅な借入を行ったため</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償還額以上の借入</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となり</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増加したが、一般会計については償還額以上の地方債借入を行わななかったため減少した。</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なお、債務負担行為に基づく支出予定額は、</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令和</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3</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年度にリニューアルした町営プールの支払い（元金償還）開始など</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により、増加した。</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今後も公共施設</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等</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の再編や引き続き田端西地区まちづくり事業などの大型事業が計画されているため、一時的に将来負担比率が増加すると見込まれるが、後世への負担を少しでも軽減するよう、適正水準の確保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寒川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財政調整基金が前年度と比較し</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648</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増となったことなどにより、基金全体としては、前年度と比較して</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700</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増となった。</a:t>
          </a:r>
          <a:endParaRPr kumimoji="1" lang="en-US" altLang="ja-JP" sz="1200">
            <a:solidFill>
              <a:schemeClr val="dk1"/>
            </a:solidFill>
            <a:effectLst/>
            <a:latin typeface="ＭＳ 明朝" panose="02020609040205080304" pitchFamily="17" charset="-128"/>
            <a:ea typeface="ＭＳ 明朝" panose="02020609040205080304" pitchFamily="17" charset="-128"/>
            <a:cs typeface="+mn-cs"/>
          </a:endParaRPr>
        </a:p>
        <a:p>
          <a:endParaRPr kumimoji="1" lang="en-US" altLang="ja-JP" sz="1200">
            <a:solidFill>
              <a:schemeClr val="dk1"/>
            </a:solidFill>
            <a:effectLst/>
            <a:latin typeface="ＭＳ 明朝" panose="02020609040205080304" pitchFamily="17" charset="-128"/>
            <a:ea typeface="ＭＳ 明朝" panose="02020609040205080304" pitchFamily="17"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各基金の目的に沿った、適切な金額を積立できるよう努める。</a:t>
          </a:r>
          <a:endParaRPr lang="ja-JP" altLang="ja-JP" sz="1200">
            <a:effectLst/>
            <a:latin typeface="ＭＳ 明朝" panose="02020609040205080304" pitchFamily="17" charset="-128"/>
            <a:ea typeface="ＭＳ 明朝" panose="02020609040205080304" pitchFamily="17"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東海道新幹線新駅整備基金：ツインシティ倉見地区整備事業に伴い、東海道新幹線新駅誘致地区を中心とした新たな北部拠点とするための事業の財源</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に充てる</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まちづくり基金：多様な人々の参加による活力あるまちづくりに資する財源に充て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緑化基金：現存する緑地を保存するとともに、緑化の推進を図る事業の財源に充て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国際交流基金：寒川町民の国際理解の増進と国際親善及び国際協力の促進をはかるとともに、国際感覚豊かな青少年を育成するための事業の財源に充て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都市基盤整備事業基金：都市基盤整備の事業に要する</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財源</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に充てる。</a:t>
          </a:r>
          <a:endParaRPr kumimoji="1" lang="en-US" altLang="ja-JP" sz="1200">
            <a:solidFill>
              <a:schemeClr val="dk1"/>
            </a:solidFill>
            <a:effectLst/>
            <a:latin typeface="ＭＳ 明朝" panose="02020609040205080304" pitchFamily="17" charset="-128"/>
            <a:ea typeface="ＭＳ 明朝" panose="02020609040205080304" pitchFamily="17"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東海道新幹線新駅整備基金：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及び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はコロナの状況が読めず、本基金の積立金に予算を充てることができていなかったが、コロナが通常化し過去の実績からある程度状況が見込めるようになり、町の財政状況等に鑑み本基金に積み立てる見込みがついため、</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50</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増となった。</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まちづくり基金：寄附金のうち、ふるさと納税事務経費に充当しない</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7</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積立てを行ったものの、寄附者の寄附目的にあった事業への充当（取崩）を</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7</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行った結果、前年度と比較し</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減となった。</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緑化基金：緑の保全・普及啓発事業費等への充当（取崩）を</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行ったが、森林環境譲与税のうち事業費に充当しない</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一時的な積立てを行ったため、</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増となった。</a:t>
          </a:r>
          <a:endParaRPr lang="ja-JP" altLang="ja-JP" sz="1200">
            <a:effectLst/>
            <a:latin typeface="ＭＳ 明朝" panose="02020609040205080304" pitchFamily="17" charset="-128"/>
            <a:ea typeface="ＭＳ 明朝" panose="02020609040205080304" pitchFamily="17"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緑化基金：近年関連事業へ活用しているが、活用できる事業が限定的でかつ少額であるため、有効活用できるよう見直しを行う予定。</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国際交流基金：昨今活用の実績がなく、財源を有効に活用できていないため、昨今の行政ニーズに的確に対応できるよう見直しを行う予定。</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都市基盤整備事業基金：昨今活用の実績がなく、財源を有効に活用できていないため、昨今の行政ニーズに的確に対応できるよう見直しを行う予定。</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当初予算及び補正予算において財源不足を補うため</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949</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取崩を行ったものの、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決算の余剰分など</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598</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積立を行った結果、前年度と比較し</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648</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百万円の増となった。</a:t>
          </a:r>
          <a:endParaRPr lang="ja-JP" altLang="ja-JP" sz="1200">
            <a:effectLst/>
            <a:latin typeface="ＭＳ 明朝" panose="02020609040205080304" pitchFamily="17" charset="-128"/>
            <a:ea typeface="ＭＳ 明朝" panose="02020609040205080304" pitchFamily="17"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標準財政規模の</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0</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0</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程度の残高を維持するよう努める。</a:t>
          </a:r>
          <a:endParaRPr lang="ja-JP" altLang="ja-JP" sz="1200">
            <a:effectLst/>
            <a:latin typeface="ＭＳ 明朝" panose="02020609040205080304" pitchFamily="17" charset="-128"/>
            <a:ea typeface="ＭＳ 明朝" panose="02020609040205080304" pitchFamily="17"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財源を有効に活用できていない現状から、昨今の行政ニーズに的確に対応できるよう見直しを行う予定。</a:t>
          </a:r>
          <a:endParaRPr lang="ja-JP" altLang="ja-JP" sz="1200">
            <a:effectLst/>
            <a:latin typeface="ＭＳ 明朝" panose="02020609040205080304" pitchFamily="17" charset="-128"/>
            <a:ea typeface="ＭＳ 明朝" panose="02020609040205080304" pitchFamily="17"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xdr:cNvSpPr/>
      </xdr:nvSpPr>
      <xdr:spPr>
        <a:xfrm>
          <a:off x="1149858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xdr:cNvSpPr/>
      </xdr:nvSpPr>
      <xdr:spPr>
        <a:xfrm>
          <a:off x="1283970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xdr:cNvSpPr/>
      </xdr:nvSpPr>
      <xdr:spPr>
        <a:xfrm>
          <a:off x="1418082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xdr:cNvSpPr/>
      </xdr:nvSpPr>
      <xdr:spPr>
        <a:xfrm>
          <a:off x="1552194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xdr:cNvSpPr/>
      </xdr:nvSpPr>
      <xdr:spPr>
        <a:xfrm>
          <a:off x="1686306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xdr:cNvSpPr/>
      </xdr:nvSpPr>
      <xdr:spPr>
        <a:xfrm>
          <a:off x="1149858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xdr:cNvSpPr/>
      </xdr:nvSpPr>
      <xdr:spPr>
        <a:xfrm>
          <a:off x="1283970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xdr:cNvSpPr/>
      </xdr:nvSpPr>
      <xdr:spPr>
        <a:xfrm>
          <a:off x="1418082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xdr:cNvSpPr/>
      </xdr:nvSpPr>
      <xdr:spPr>
        <a:xfrm>
          <a:off x="1552194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xdr:cNvSpPr/>
      </xdr:nvSpPr>
      <xdr:spPr>
        <a:xfrm>
          <a:off x="1686306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3
48,001
13.34
20,901,741
18,851,296
1,947,164
10,338,887
6,858,9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44" name="テキスト ボックス 43"/>
        <xdr:cNvSpPr txBox="1"/>
      </xdr:nvSpPr>
      <xdr:spPr>
        <a:xfrm>
          <a:off x="419100" y="343344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xdr:cNvSpPr/>
      </xdr:nvSpPr>
      <xdr:spPr>
        <a:xfrm>
          <a:off x="1127125" y="4180205"/>
          <a:ext cx="373888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xdr:cNvSpPr/>
      </xdr:nvSpPr>
      <xdr:spPr>
        <a:xfrm>
          <a:off x="1774684" y="453891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xdr:cNvSpPr/>
      </xdr:nvSpPr>
      <xdr:spPr>
        <a:xfrm>
          <a:off x="3387084" y="452224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1.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xdr:cNvSpPr/>
      </xdr:nvSpPr>
      <xdr:spPr>
        <a:xfrm>
          <a:off x="48152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xdr:cNvSpPr/>
      </xdr:nvSpPr>
      <xdr:spPr>
        <a:xfrm>
          <a:off x="48152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xdr:cNvSpPr/>
      </xdr:nvSpPr>
      <xdr:spPr>
        <a:xfrm>
          <a:off x="615632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xdr:cNvSpPr/>
      </xdr:nvSpPr>
      <xdr:spPr>
        <a:xfrm>
          <a:off x="615632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xdr:cNvSpPr/>
      </xdr:nvSpPr>
      <xdr:spPr>
        <a:xfrm>
          <a:off x="762444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xdr:cNvSpPr/>
      </xdr:nvSpPr>
      <xdr:spPr>
        <a:xfrm>
          <a:off x="762444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xdr:cNvSpPr/>
      </xdr:nvSpPr>
      <xdr:spPr>
        <a:xfrm>
          <a:off x="1127125" y="485965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xdr:cNvSpPr/>
      </xdr:nvSpPr>
      <xdr:spPr>
        <a:xfrm>
          <a:off x="510984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xdr:cNvSpPr/>
      </xdr:nvSpPr>
      <xdr:spPr>
        <a:xfrm>
          <a:off x="510984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xdr:cNvSpPr txBox="1"/>
      </xdr:nvSpPr>
      <xdr:spPr>
        <a:xfrm>
          <a:off x="516318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950">
              <a:solidFill>
                <a:schemeClr val="dk1"/>
              </a:solidFill>
              <a:effectLst/>
              <a:latin typeface="+mn-lt"/>
              <a:ea typeface="+mn-ea"/>
              <a:cs typeface="+mn-cs"/>
            </a:rPr>
            <a:t>　</a:t>
          </a:r>
          <a:r>
            <a:rPr kumimoji="1" lang="ja-JP" altLang="ja-JP" sz="950">
              <a:solidFill>
                <a:schemeClr val="dk1"/>
              </a:solidFill>
              <a:effectLst/>
              <a:latin typeface="+mn-lt"/>
              <a:ea typeface="+mn-ea"/>
              <a:cs typeface="+mn-cs"/>
            </a:rPr>
            <a:t>有形固定資産減価償却率</a:t>
          </a:r>
          <a:r>
            <a:rPr kumimoji="1" lang="ja-JP" altLang="en-US" sz="950">
              <a:solidFill>
                <a:schemeClr val="dk1"/>
              </a:solidFill>
              <a:effectLst/>
              <a:latin typeface="+mn-lt"/>
              <a:ea typeface="+mn-ea"/>
              <a:cs typeface="+mn-cs"/>
            </a:rPr>
            <a:t>は、過去</a:t>
          </a:r>
          <a:r>
            <a:rPr kumimoji="1" lang="en-US" altLang="ja-JP" sz="950">
              <a:solidFill>
                <a:schemeClr val="dk1"/>
              </a:solidFill>
              <a:effectLst/>
              <a:latin typeface="+mn-lt"/>
              <a:ea typeface="+mn-ea"/>
              <a:cs typeface="+mn-cs"/>
            </a:rPr>
            <a:t>5</a:t>
          </a:r>
          <a:r>
            <a:rPr kumimoji="1" lang="ja-JP" altLang="en-US" sz="950">
              <a:solidFill>
                <a:schemeClr val="dk1"/>
              </a:solidFill>
              <a:effectLst/>
              <a:latin typeface="+mn-lt"/>
              <a:ea typeface="+mn-ea"/>
              <a:cs typeface="+mn-cs"/>
            </a:rPr>
            <a:t>年度毎年度増加し、また</a:t>
          </a:r>
          <a:r>
            <a:rPr kumimoji="1" lang="ja-JP" altLang="ja-JP" sz="950">
              <a:solidFill>
                <a:schemeClr val="dk1"/>
              </a:solidFill>
              <a:effectLst/>
              <a:latin typeface="+mn-lt"/>
              <a:ea typeface="+mn-ea"/>
              <a:cs typeface="+mn-cs"/>
            </a:rPr>
            <a:t>類似団体内平均</a:t>
          </a:r>
          <a:r>
            <a:rPr kumimoji="1" lang="ja-JP" altLang="en-US" sz="950">
              <a:solidFill>
                <a:schemeClr val="dk1"/>
              </a:solidFill>
              <a:effectLst/>
              <a:latin typeface="+mn-lt"/>
              <a:ea typeface="+mn-ea"/>
              <a:cs typeface="+mn-cs"/>
            </a:rPr>
            <a:t>値を上回る状況が続いている。</a:t>
          </a:r>
          <a:r>
            <a:rPr kumimoji="1" lang="ja-JP" altLang="ja-JP" sz="950">
              <a:solidFill>
                <a:schemeClr val="dk1"/>
              </a:solidFill>
              <a:effectLst/>
              <a:latin typeface="+mn-lt"/>
              <a:ea typeface="+mn-ea"/>
              <a:cs typeface="+mn-cs"/>
            </a:rPr>
            <a:t>これは、公共施設の多くが人口が増加した昭和</a:t>
          </a:r>
          <a:r>
            <a:rPr kumimoji="1" lang="en-US" altLang="ja-JP" sz="950">
              <a:solidFill>
                <a:schemeClr val="dk1"/>
              </a:solidFill>
              <a:effectLst/>
              <a:latin typeface="+mn-lt"/>
              <a:ea typeface="+mn-ea"/>
              <a:cs typeface="+mn-cs"/>
            </a:rPr>
            <a:t>50</a:t>
          </a:r>
          <a:r>
            <a:rPr kumimoji="1" lang="ja-JP" altLang="ja-JP" sz="950">
              <a:solidFill>
                <a:schemeClr val="dk1"/>
              </a:solidFill>
              <a:effectLst/>
              <a:latin typeface="+mn-lt"/>
              <a:ea typeface="+mn-ea"/>
              <a:cs typeface="+mn-cs"/>
            </a:rPr>
            <a:t>年代に一斉に整備したものが多く、対象施設の更新時期が近付いているためである。今後は、</a:t>
          </a:r>
          <a:r>
            <a:rPr kumimoji="1" lang="ja-JP" altLang="en-US" sz="950">
              <a:solidFill>
                <a:schemeClr val="dk1"/>
              </a:solidFill>
              <a:effectLst/>
              <a:latin typeface="+mn-lt"/>
              <a:ea typeface="+mn-ea"/>
              <a:cs typeface="+mn-cs"/>
            </a:rPr>
            <a:t>少子高齢化・人口減少</a:t>
          </a:r>
          <a:r>
            <a:rPr kumimoji="1" lang="ja-JP" altLang="ja-JP" sz="950">
              <a:solidFill>
                <a:schemeClr val="dk1"/>
              </a:solidFill>
              <a:effectLst/>
              <a:latin typeface="+mn-lt"/>
              <a:ea typeface="+mn-ea"/>
              <a:cs typeface="+mn-cs"/>
            </a:rPr>
            <a:t>が進</a:t>
          </a:r>
          <a:r>
            <a:rPr kumimoji="1" lang="ja-JP" altLang="en-US" sz="950">
              <a:solidFill>
                <a:schemeClr val="dk1"/>
              </a:solidFill>
              <a:effectLst/>
              <a:latin typeface="+mn-lt"/>
              <a:ea typeface="+mn-ea"/>
              <a:cs typeface="+mn-cs"/>
            </a:rPr>
            <a:t>み、義務的経費の増加や</a:t>
          </a:r>
          <a:r>
            <a:rPr kumimoji="1" lang="ja-JP" altLang="ja-JP" sz="950">
              <a:solidFill>
                <a:schemeClr val="dk1"/>
              </a:solidFill>
              <a:effectLst/>
              <a:latin typeface="+mn-lt"/>
              <a:ea typeface="+mn-ea"/>
              <a:cs typeface="+mn-cs"/>
            </a:rPr>
            <a:t>町税の減収</a:t>
          </a:r>
          <a:r>
            <a:rPr kumimoji="1" lang="ja-JP" altLang="en-US" sz="950">
              <a:solidFill>
                <a:schemeClr val="dk1"/>
              </a:solidFill>
              <a:effectLst/>
              <a:latin typeface="+mn-lt"/>
              <a:ea typeface="+mn-ea"/>
              <a:cs typeface="+mn-cs"/>
            </a:rPr>
            <a:t>等</a:t>
          </a:r>
          <a:r>
            <a:rPr kumimoji="1" lang="ja-JP" altLang="ja-JP" sz="950">
              <a:solidFill>
                <a:schemeClr val="dk1"/>
              </a:solidFill>
              <a:effectLst/>
              <a:latin typeface="+mn-lt"/>
              <a:ea typeface="+mn-ea"/>
              <a:cs typeface="+mn-cs"/>
            </a:rPr>
            <a:t>が想定されるため、長期的な視点を持って、「寒川町公共施設等総合管理計画」に基づき、公共施設の更新、統廃合、複合化等を計画的に進めていく。</a:t>
          </a:r>
          <a:endParaRPr lang="ja-JP" altLang="ja-JP" sz="950">
            <a:effectLst/>
          </a:endParaRPr>
        </a:p>
      </xdr:txBody>
    </xdr:sp>
    <xdr:clientData/>
  </xdr:twoCellAnchor>
  <xdr:oneCellAnchor>
    <xdr:from>
      <xdr:col>4</xdr:col>
      <xdr:colOff>174625</xdr:colOff>
      <xdr:row>23</xdr:row>
      <xdr:rowOff>47625</xdr:rowOff>
    </xdr:from>
    <xdr:ext cx="349839" cy="225703"/>
    <xdr:sp macro="" textlink="">
      <xdr:nvSpPr>
        <xdr:cNvPr id="59" name="テキスト ボックス 58"/>
        <xdr:cNvSpPr txBox="1"/>
      </xdr:nvSpPr>
      <xdr:spPr>
        <a:xfrm>
          <a:off x="110426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xdr:cNvCxnSpPr/>
      </xdr:nvCxnSpPr>
      <xdr:spPr>
        <a:xfrm>
          <a:off x="1127125" y="697293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xdr:cNvSpPr txBox="1"/>
      </xdr:nvSpPr>
      <xdr:spPr>
        <a:xfrm>
          <a:off x="772811" y="687913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2" name="直線コネクタ 61"/>
        <xdr:cNvCxnSpPr/>
      </xdr:nvCxnSpPr>
      <xdr:spPr>
        <a:xfrm>
          <a:off x="1127125" y="662072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3" name="テキスト ボックス 62"/>
        <xdr:cNvSpPr txBox="1"/>
      </xdr:nvSpPr>
      <xdr:spPr>
        <a:xfrm>
          <a:off x="772811" y="652692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4" name="直線コネクタ 63"/>
        <xdr:cNvCxnSpPr/>
      </xdr:nvCxnSpPr>
      <xdr:spPr>
        <a:xfrm>
          <a:off x="1127125" y="626850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5" name="テキスト ボックス 64"/>
        <xdr:cNvSpPr txBox="1"/>
      </xdr:nvSpPr>
      <xdr:spPr>
        <a:xfrm>
          <a:off x="772811" y="61747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6" name="直線コネクタ 65"/>
        <xdr:cNvCxnSpPr/>
      </xdr:nvCxnSpPr>
      <xdr:spPr>
        <a:xfrm>
          <a:off x="1127125" y="59162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7" name="テキスト ボックス 66"/>
        <xdr:cNvSpPr txBox="1"/>
      </xdr:nvSpPr>
      <xdr:spPr>
        <a:xfrm>
          <a:off x="772811" y="582249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8" name="直線コネクタ 67"/>
        <xdr:cNvCxnSpPr/>
      </xdr:nvCxnSpPr>
      <xdr:spPr>
        <a:xfrm>
          <a:off x="1127125" y="556408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9" name="テキスト ボックス 68"/>
        <xdr:cNvSpPr txBox="1"/>
      </xdr:nvSpPr>
      <xdr:spPr>
        <a:xfrm>
          <a:off x="772811" y="547028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70" name="直線コネクタ 69"/>
        <xdr:cNvCxnSpPr/>
      </xdr:nvCxnSpPr>
      <xdr:spPr>
        <a:xfrm>
          <a:off x="1127125" y="52118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71" name="テキスト ボックス 70"/>
        <xdr:cNvSpPr txBox="1"/>
      </xdr:nvSpPr>
      <xdr:spPr>
        <a:xfrm>
          <a:off x="772811" y="51218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xdr:cNvCxnSpPr/>
      </xdr:nvCxnSpPr>
      <xdr:spPr>
        <a:xfrm>
          <a:off x="1127125" y="485965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3" name="テキスト ボックス 72"/>
        <xdr:cNvSpPr txBox="1"/>
      </xdr:nvSpPr>
      <xdr:spPr>
        <a:xfrm>
          <a:off x="772811" y="476966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xdr:cNvSpPr/>
      </xdr:nvSpPr>
      <xdr:spPr>
        <a:xfrm>
          <a:off x="1127125" y="485965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29633</xdr:rowOff>
    </xdr:from>
    <xdr:to>
      <xdr:col>23</xdr:col>
      <xdr:colOff>85090</xdr:colOff>
      <xdr:row>35</xdr:row>
      <xdr:rowOff>62654</xdr:rowOff>
    </xdr:to>
    <xdr:cxnSp macro="">
      <xdr:nvCxnSpPr>
        <xdr:cNvPr id="75" name="直線コネクタ 74"/>
        <xdr:cNvCxnSpPr/>
      </xdr:nvCxnSpPr>
      <xdr:spPr>
        <a:xfrm flipV="1">
          <a:off x="4206240" y="5157893"/>
          <a:ext cx="1270" cy="15417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6481</xdr:rowOff>
    </xdr:from>
    <xdr:ext cx="405111" cy="259045"/>
    <xdr:sp macro="" textlink="">
      <xdr:nvSpPr>
        <xdr:cNvPr id="76" name="有形固定資産減価償却率最小値テキスト"/>
        <xdr:cNvSpPr txBox="1"/>
      </xdr:nvSpPr>
      <xdr:spPr>
        <a:xfrm>
          <a:off x="4258945" y="6703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2654</xdr:rowOff>
    </xdr:from>
    <xdr:to>
      <xdr:col>23</xdr:col>
      <xdr:colOff>174625</xdr:colOff>
      <xdr:row>35</xdr:row>
      <xdr:rowOff>62654</xdr:rowOff>
    </xdr:to>
    <xdr:cxnSp macro="">
      <xdr:nvCxnSpPr>
        <xdr:cNvPr id="77" name="直線コネクタ 76"/>
        <xdr:cNvCxnSpPr/>
      </xdr:nvCxnSpPr>
      <xdr:spPr>
        <a:xfrm>
          <a:off x="4119245" y="6699674"/>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47760</xdr:rowOff>
    </xdr:from>
    <xdr:ext cx="405111" cy="259045"/>
    <xdr:sp macro="" textlink="">
      <xdr:nvSpPr>
        <xdr:cNvPr id="78" name="有形固定資産減価償却率最大値テキスト"/>
        <xdr:cNvSpPr txBox="1"/>
      </xdr:nvSpPr>
      <xdr:spPr>
        <a:xfrm>
          <a:off x="4258945" y="4940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29633</xdr:rowOff>
    </xdr:from>
    <xdr:to>
      <xdr:col>23</xdr:col>
      <xdr:colOff>174625</xdr:colOff>
      <xdr:row>26</xdr:row>
      <xdr:rowOff>29633</xdr:rowOff>
    </xdr:to>
    <xdr:cxnSp macro="">
      <xdr:nvCxnSpPr>
        <xdr:cNvPr id="79" name="直線コネクタ 78"/>
        <xdr:cNvCxnSpPr/>
      </xdr:nvCxnSpPr>
      <xdr:spPr>
        <a:xfrm>
          <a:off x="4119245" y="5157893"/>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64</xdr:rowOff>
    </xdr:from>
    <xdr:ext cx="405111" cy="259045"/>
    <xdr:sp macro="" textlink="">
      <xdr:nvSpPr>
        <xdr:cNvPr id="80" name="有形固定資産減価償却率平均値テキスト"/>
        <xdr:cNvSpPr txBox="1"/>
      </xdr:nvSpPr>
      <xdr:spPr>
        <a:xfrm>
          <a:off x="4258945" y="57996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9437</xdr:rowOff>
    </xdr:from>
    <xdr:to>
      <xdr:col>23</xdr:col>
      <xdr:colOff>136525</xdr:colOff>
      <xdr:row>31</xdr:row>
      <xdr:rowOff>79587</xdr:rowOff>
    </xdr:to>
    <xdr:sp macro="" textlink="">
      <xdr:nvSpPr>
        <xdr:cNvPr id="81" name="フローチャート: 判断 80"/>
        <xdr:cNvSpPr/>
      </xdr:nvSpPr>
      <xdr:spPr>
        <a:xfrm>
          <a:off x="4157345" y="594825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2658</xdr:rowOff>
    </xdr:from>
    <xdr:to>
      <xdr:col>19</xdr:col>
      <xdr:colOff>187325</xdr:colOff>
      <xdr:row>31</xdr:row>
      <xdr:rowOff>32808</xdr:rowOff>
    </xdr:to>
    <xdr:sp macro="" textlink="">
      <xdr:nvSpPr>
        <xdr:cNvPr id="82" name="フローチャート: 判断 81"/>
        <xdr:cNvSpPr/>
      </xdr:nvSpPr>
      <xdr:spPr>
        <a:xfrm>
          <a:off x="3537585" y="590147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20650</xdr:rowOff>
    </xdr:from>
    <xdr:to>
      <xdr:col>15</xdr:col>
      <xdr:colOff>187325</xdr:colOff>
      <xdr:row>31</xdr:row>
      <xdr:rowOff>50800</xdr:rowOff>
    </xdr:to>
    <xdr:sp macro="" textlink="">
      <xdr:nvSpPr>
        <xdr:cNvPr id="83" name="フローチャート: 判断 82"/>
        <xdr:cNvSpPr/>
      </xdr:nvSpPr>
      <xdr:spPr>
        <a:xfrm>
          <a:off x="2867025" y="59194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7470</xdr:rowOff>
    </xdr:from>
    <xdr:to>
      <xdr:col>11</xdr:col>
      <xdr:colOff>187325</xdr:colOff>
      <xdr:row>31</xdr:row>
      <xdr:rowOff>7620</xdr:rowOff>
    </xdr:to>
    <xdr:sp macro="" textlink="">
      <xdr:nvSpPr>
        <xdr:cNvPr id="84" name="フローチャート: 判断 83"/>
        <xdr:cNvSpPr/>
      </xdr:nvSpPr>
      <xdr:spPr>
        <a:xfrm>
          <a:off x="2196465" y="58762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1487</xdr:rowOff>
    </xdr:from>
    <xdr:to>
      <xdr:col>7</xdr:col>
      <xdr:colOff>187325</xdr:colOff>
      <xdr:row>30</xdr:row>
      <xdr:rowOff>143087</xdr:rowOff>
    </xdr:to>
    <xdr:sp macro="" textlink="">
      <xdr:nvSpPr>
        <xdr:cNvPr id="85" name="フローチャート: 判断 84"/>
        <xdr:cNvSpPr/>
      </xdr:nvSpPr>
      <xdr:spPr>
        <a:xfrm>
          <a:off x="1525905" y="584030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6" name="テキスト ボックス 85"/>
        <xdr:cNvSpPr txBox="1"/>
      </xdr:nvSpPr>
      <xdr:spPr>
        <a:xfrm>
          <a:off x="40532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7" name="テキスト ボックス 86"/>
        <xdr:cNvSpPr txBox="1"/>
      </xdr:nvSpPr>
      <xdr:spPr>
        <a:xfrm>
          <a:off x="34334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8" name="テキスト ボックス 87"/>
        <xdr:cNvSpPr txBox="1"/>
      </xdr:nvSpPr>
      <xdr:spPr>
        <a:xfrm>
          <a:off x="27628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9" name="テキスト ボックス 88"/>
        <xdr:cNvSpPr txBox="1"/>
      </xdr:nvSpPr>
      <xdr:spPr>
        <a:xfrm>
          <a:off x="20923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0" name="テキスト ボックス 89"/>
        <xdr:cNvSpPr txBox="1"/>
      </xdr:nvSpPr>
      <xdr:spPr>
        <a:xfrm>
          <a:off x="14217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19592</xdr:rowOff>
    </xdr:from>
    <xdr:to>
      <xdr:col>23</xdr:col>
      <xdr:colOff>136525</xdr:colOff>
      <xdr:row>33</xdr:row>
      <xdr:rowOff>49742</xdr:rowOff>
    </xdr:to>
    <xdr:sp macro="" textlink="">
      <xdr:nvSpPr>
        <xdr:cNvPr id="91" name="楕円 90"/>
        <xdr:cNvSpPr/>
      </xdr:nvSpPr>
      <xdr:spPr>
        <a:xfrm>
          <a:off x="4157345" y="62536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98019</xdr:rowOff>
    </xdr:from>
    <xdr:ext cx="405111" cy="259045"/>
    <xdr:sp macro="" textlink="">
      <xdr:nvSpPr>
        <xdr:cNvPr id="92" name="有形固定資産減価償却率該当値テキスト"/>
        <xdr:cNvSpPr txBox="1"/>
      </xdr:nvSpPr>
      <xdr:spPr>
        <a:xfrm>
          <a:off x="4258945" y="6232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62018</xdr:rowOff>
    </xdr:from>
    <xdr:to>
      <xdr:col>19</xdr:col>
      <xdr:colOff>187325</xdr:colOff>
      <xdr:row>32</xdr:row>
      <xdr:rowOff>163618</xdr:rowOff>
    </xdr:to>
    <xdr:sp macro="" textlink="">
      <xdr:nvSpPr>
        <xdr:cNvPr id="93" name="楕円 92"/>
        <xdr:cNvSpPr/>
      </xdr:nvSpPr>
      <xdr:spPr>
        <a:xfrm>
          <a:off x="3537585" y="619611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112818</xdr:rowOff>
    </xdr:from>
    <xdr:to>
      <xdr:col>23</xdr:col>
      <xdr:colOff>85725</xdr:colOff>
      <xdr:row>32</xdr:row>
      <xdr:rowOff>170392</xdr:rowOff>
    </xdr:to>
    <xdr:cxnSp macro="">
      <xdr:nvCxnSpPr>
        <xdr:cNvPr id="94" name="直線コネクタ 93"/>
        <xdr:cNvCxnSpPr/>
      </xdr:nvCxnSpPr>
      <xdr:spPr>
        <a:xfrm>
          <a:off x="3588385" y="6246918"/>
          <a:ext cx="619760" cy="57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2</xdr:row>
      <xdr:rowOff>11642</xdr:rowOff>
    </xdr:from>
    <xdr:to>
      <xdr:col>15</xdr:col>
      <xdr:colOff>187325</xdr:colOff>
      <xdr:row>32</xdr:row>
      <xdr:rowOff>113242</xdr:rowOff>
    </xdr:to>
    <xdr:sp macro="" textlink="">
      <xdr:nvSpPr>
        <xdr:cNvPr id="95" name="楕円 94"/>
        <xdr:cNvSpPr/>
      </xdr:nvSpPr>
      <xdr:spPr>
        <a:xfrm>
          <a:off x="2867025" y="614574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62442</xdr:rowOff>
    </xdr:from>
    <xdr:to>
      <xdr:col>19</xdr:col>
      <xdr:colOff>136525</xdr:colOff>
      <xdr:row>32</xdr:row>
      <xdr:rowOff>112818</xdr:rowOff>
    </xdr:to>
    <xdr:cxnSp macro="">
      <xdr:nvCxnSpPr>
        <xdr:cNvPr id="96" name="直線コネクタ 95"/>
        <xdr:cNvCxnSpPr/>
      </xdr:nvCxnSpPr>
      <xdr:spPr>
        <a:xfrm>
          <a:off x="2917825" y="6196542"/>
          <a:ext cx="670560" cy="50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25518</xdr:rowOff>
    </xdr:from>
    <xdr:to>
      <xdr:col>11</xdr:col>
      <xdr:colOff>187325</xdr:colOff>
      <xdr:row>32</xdr:row>
      <xdr:rowOff>55668</xdr:rowOff>
    </xdr:to>
    <xdr:sp macro="" textlink="">
      <xdr:nvSpPr>
        <xdr:cNvPr id="97" name="楕円 96"/>
        <xdr:cNvSpPr/>
      </xdr:nvSpPr>
      <xdr:spPr>
        <a:xfrm>
          <a:off x="2196465" y="60919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2</xdr:row>
      <xdr:rowOff>4868</xdr:rowOff>
    </xdr:from>
    <xdr:to>
      <xdr:col>15</xdr:col>
      <xdr:colOff>136525</xdr:colOff>
      <xdr:row>32</xdr:row>
      <xdr:rowOff>62442</xdr:rowOff>
    </xdr:to>
    <xdr:cxnSp macro="">
      <xdr:nvCxnSpPr>
        <xdr:cNvPr id="98" name="直線コネクタ 97"/>
        <xdr:cNvCxnSpPr/>
      </xdr:nvCxnSpPr>
      <xdr:spPr>
        <a:xfrm>
          <a:off x="2247265" y="6138968"/>
          <a:ext cx="670560" cy="57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78740</xdr:rowOff>
    </xdr:from>
    <xdr:to>
      <xdr:col>7</xdr:col>
      <xdr:colOff>187325</xdr:colOff>
      <xdr:row>32</xdr:row>
      <xdr:rowOff>8890</xdr:rowOff>
    </xdr:to>
    <xdr:sp macro="" textlink="">
      <xdr:nvSpPr>
        <xdr:cNvPr id="99" name="楕円 98"/>
        <xdr:cNvSpPr/>
      </xdr:nvSpPr>
      <xdr:spPr>
        <a:xfrm>
          <a:off x="1525905" y="60452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29540</xdr:rowOff>
    </xdr:from>
    <xdr:to>
      <xdr:col>11</xdr:col>
      <xdr:colOff>136525</xdr:colOff>
      <xdr:row>32</xdr:row>
      <xdr:rowOff>4868</xdr:rowOff>
    </xdr:to>
    <xdr:cxnSp macro="">
      <xdr:nvCxnSpPr>
        <xdr:cNvPr id="100" name="直線コネクタ 99"/>
        <xdr:cNvCxnSpPr/>
      </xdr:nvCxnSpPr>
      <xdr:spPr>
        <a:xfrm>
          <a:off x="1576705" y="6096000"/>
          <a:ext cx="670560" cy="42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49335</xdr:rowOff>
    </xdr:from>
    <xdr:ext cx="405111" cy="259045"/>
    <xdr:sp macro="" textlink="">
      <xdr:nvSpPr>
        <xdr:cNvPr id="101" name="n_1aveValue有形固定資産減価償却率"/>
        <xdr:cNvSpPr txBox="1"/>
      </xdr:nvSpPr>
      <xdr:spPr>
        <a:xfrm>
          <a:off x="3395989" y="5680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67327</xdr:rowOff>
    </xdr:from>
    <xdr:ext cx="405111" cy="259045"/>
    <xdr:sp macro="" textlink="">
      <xdr:nvSpPr>
        <xdr:cNvPr id="102" name="n_2aveValue有形固定資産減価償却率"/>
        <xdr:cNvSpPr txBox="1"/>
      </xdr:nvSpPr>
      <xdr:spPr>
        <a:xfrm>
          <a:off x="2738129" y="569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4147</xdr:rowOff>
    </xdr:from>
    <xdr:ext cx="405111" cy="259045"/>
    <xdr:sp macro="" textlink="">
      <xdr:nvSpPr>
        <xdr:cNvPr id="103" name="n_3aveValue有形固定資産減価償却率"/>
        <xdr:cNvSpPr txBox="1"/>
      </xdr:nvSpPr>
      <xdr:spPr>
        <a:xfrm>
          <a:off x="2067569" y="565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59614</xdr:rowOff>
    </xdr:from>
    <xdr:ext cx="405111" cy="259045"/>
    <xdr:sp macro="" textlink="">
      <xdr:nvSpPr>
        <xdr:cNvPr id="104" name="n_4aveValue有形固定資産減価償却率"/>
        <xdr:cNvSpPr txBox="1"/>
      </xdr:nvSpPr>
      <xdr:spPr>
        <a:xfrm>
          <a:off x="1397009" y="56231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54745</xdr:rowOff>
    </xdr:from>
    <xdr:ext cx="405111" cy="259045"/>
    <xdr:sp macro="" textlink="">
      <xdr:nvSpPr>
        <xdr:cNvPr id="105" name="n_1mainValue有形固定資産減価償却率"/>
        <xdr:cNvSpPr txBox="1"/>
      </xdr:nvSpPr>
      <xdr:spPr>
        <a:xfrm>
          <a:off x="3395989" y="6288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04369</xdr:rowOff>
    </xdr:from>
    <xdr:ext cx="405111" cy="259045"/>
    <xdr:sp macro="" textlink="">
      <xdr:nvSpPr>
        <xdr:cNvPr id="106" name="n_2mainValue有形固定資産減価償却率"/>
        <xdr:cNvSpPr txBox="1"/>
      </xdr:nvSpPr>
      <xdr:spPr>
        <a:xfrm>
          <a:off x="2738129" y="62384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46795</xdr:rowOff>
    </xdr:from>
    <xdr:ext cx="405111" cy="259045"/>
    <xdr:sp macro="" textlink="">
      <xdr:nvSpPr>
        <xdr:cNvPr id="107" name="n_3mainValue有形固定資産減価償却率"/>
        <xdr:cNvSpPr txBox="1"/>
      </xdr:nvSpPr>
      <xdr:spPr>
        <a:xfrm>
          <a:off x="2067569" y="61808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17</xdr:rowOff>
    </xdr:from>
    <xdr:ext cx="405111" cy="259045"/>
    <xdr:sp macro="" textlink="">
      <xdr:nvSpPr>
        <xdr:cNvPr id="108" name="n_4mainValue有形固定資産減価償却率"/>
        <xdr:cNvSpPr txBox="1"/>
      </xdr:nvSpPr>
      <xdr:spPr>
        <a:xfrm>
          <a:off x="1397009" y="6134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9" name="正方形/長方形 108"/>
        <xdr:cNvSpPr/>
      </xdr:nvSpPr>
      <xdr:spPr>
        <a:xfrm>
          <a:off x="9971405" y="4180205"/>
          <a:ext cx="371602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0" name="正方形/長方形 109"/>
        <xdr:cNvSpPr/>
      </xdr:nvSpPr>
      <xdr:spPr>
        <a:xfrm>
          <a:off x="10904488" y="453891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1" name="正方形/長方形 110"/>
        <xdr:cNvSpPr/>
      </xdr:nvSpPr>
      <xdr:spPr>
        <a:xfrm>
          <a:off x="12166505" y="452224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37.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2" name="正方形/長方形 111"/>
        <xdr:cNvSpPr/>
      </xdr:nvSpPr>
      <xdr:spPr>
        <a:xfrm>
          <a:off x="1365948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3" name="正方形/長方形 112"/>
        <xdr:cNvSpPr/>
      </xdr:nvSpPr>
      <xdr:spPr>
        <a:xfrm>
          <a:off x="1365948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4" name="正方形/長方形 113"/>
        <xdr:cNvSpPr/>
      </xdr:nvSpPr>
      <xdr:spPr>
        <a:xfrm>
          <a:off x="150006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5" name="正方形/長方形 114"/>
        <xdr:cNvSpPr/>
      </xdr:nvSpPr>
      <xdr:spPr>
        <a:xfrm>
          <a:off x="150006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6" name="正方形/長方形 115"/>
        <xdr:cNvSpPr/>
      </xdr:nvSpPr>
      <xdr:spPr>
        <a:xfrm>
          <a:off x="1644586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7" name="正方形/長方形 116"/>
        <xdr:cNvSpPr/>
      </xdr:nvSpPr>
      <xdr:spPr>
        <a:xfrm>
          <a:off x="1644586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8" name="正方形/長方形 117"/>
        <xdr:cNvSpPr/>
      </xdr:nvSpPr>
      <xdr:spPr>
        <a:xfrm>
          <a:off x="9971405" y="485965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9" name="正方形/長方形 118"/>
        <xdr:cNvSpPr/>
      </xdr:nvSpPr>
      <xdr:spPr>
        <a:xfrm>
          <a:off x="1393126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0" name="正方形/長方形 119"/>
        <xdr:cNvSpPr/>
      </xdr:nvSpPr>
      <xdr:spPr>
        <a:xfrm>
          <a:off x="1393126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1" name="テキスト ボックス 120"/>
        <xdr:cNvSpPr txBox="1"/>
      </xdr:nvSpPr>
      <xdr:spPr>
        <a:xfrm>
          <a:off x="1400746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過去</a:t>
          </a:r>
          <a:r>
            <a:rPr kumimoji="1" lang="en-US" altLang="ja-JP" sz="1000">
              <a:solidFill>
                <a:schemeClr val="dk1"/>
              </a:solidFill>
              <a:effectLst/>
              <a:latin typeface="+mn-lt"/>
              <a:ea typeface="+mn-ea"/>
              <a:cs typeface="+mn-cs"/>
            </a:rPr>
            <a:t>5</a:t>
          </a:r>
          <a:r>
            <a:rPr kumimoji="1" lang="ja-JP" altLang="ja-JP" sz="1000">
              <a:solidFill>
                <a:schemeClr val="dk1"/>
              </a:solidFill>
              <a:effectLst/>
              <a:latin typeface="+mn-lt"/>
              <a:ea typeface="+mn-ea"/>
              <a:cs typeface="+mn-cs"/>
            </a:rPr>
            <a:t>年間の債務償還比率は毎年度減少</a:t>
          </a:r>
          <a:r>
            <a:rPr kumimoji="1" lang="ja-JP" altLang="en-US" sz="1000">
              <a:solidFill>
                <a:schemeClr val="dk1"/>
              </a:solidFill>
              <a:effectLst/>
              <a:latin typeface="+mn-lt"/>
              <a:ea typeface="+mn-ea"/>
              <a:cs typeface="+mn-cs"/>
            </a:rPr>
            <a:t>しており</a:t>
          </a:r>
          <a:r>
            <a:rPr kumimoji="1" lang="ja-JP" altLang="ja-JP" sz="1000">
              <a:solidFill>
                <a:schemeClr val="dk1"/>
              </a:solidFill>
              <a:effectLst/>
              <a:latin typeface="+mn-lt"/>
              <a:ea typeface="+mn-ea"/>
              <a:cs typeface="+mn-cs"/>
            </a:rPr>
            <a:t>、</a:t>
          </a:r>
          <a:r>
            <a:rPr kumimoji="1" lang="ja-JP" altLang="en-US" sz="1000">
              <a:solidFill>
                <a:schemeClr val="dk1"/>
              </a:solidFill>
              <a:effectLst/>
              <a:latin typeface="+mn-lt"/>
              <a:ea typeface="+mn-ea"/>
              <a:cs typeface="+mn-cs"/>
            </a:rPr>
            <a:t>類似団体内平均</a:t>
          </a:r>
          <a:r>
            <a:rPr kumimoji="1" lang="ja-JP" altLang="ja-JP" sz="1100">
              <a:solidFill>
                <a:schemeClr val="dk1"/>
              </a:solidFill>
              <a:effectLst/>
              <a:latin typeface="+mn-lt"/>
              <a:ea typeface="+mn-ea"/>
              <a:cs typeface="+mn-cs"/>
            </a:rPr>
            <a:t>値</a:t>
          </a:r>
          <a:r>
            <a:rPr kumimoji="1" lang="ja-JP" altLang="en-US" sz="1000">
              <a:solidFill>
                <a:schemeClr val="dk1"/>
              </a:solidFill>
              <a:effectLst/>
              <a:latin typeface="+mn-lt"/>
              <a:ea typeface="+mn-ea"/>
              <a:cs typeface="+mn-cs"/>
            </a:rPr>
            <a:t>と</a:t>
          </a:r>
          <a:r>
            <a:rPr kumimoji="1" lang="ja-JP" altLang="ja-JP" sz="1000">
              <a:solidFill>
                <a:schemeClr val="dk1"/>
              </a:solidFill>
              <a:effectLst/>
              <a:latin typeface="+mn-lt"/>
              <a:ea typeface="+mn-ea"/>
              <a:cs typeface="+mn-cs"/>
            </a:rPr>
            <a:t>比較して</a:t>
          </a:r>
          <a:r>
            <a:rPr kumimoji="1" lang="ja-JP" altLang="en-US" sz="1000">
              <a:solidFill>
                <a:schemeClr val="dk1"/>
              </a:solidFill>
              <a:effectLst/>
              <a:latin typeface="+mn-lt"/>
              <a:ea typeface="+mn-ea"/>
              <a:cs typeface="+mn-cs"/>
            </a:rPr>
            <a:t>、大幅に</a:t>
          </a:r>
          <a:r>
            <a:rPr kumimoji="1" lang="ja-JP" altLang="ja-JP" sz="1000">
              <a:solidFill>
                <a:schemeClr val="dk1"/>
              </a:solidFill>
              <a:effectLst/>
              <a:latin typeface="+mn-lt"/>
              <a:ea typeface="+mn-ea"/>
              <a:cs typeface="+mn-cs"/>
            </a:rPr>
            <a:t>低い水準となっている。令和</a:t>
          </a:r>
          <a:r>
            <a:rPr kumimoji="1" lang="en-US" altLang="ja-JP" sz="1000">
              <a:solidFill>
                <a:schemeClr val="dk1"/>
              </a:solidFill>
              <a:effectLst/>
              <a:latin typeface="+mn-lt"/>
              <a:ea typeface="+mn-ea"/>
              <a:cs typeface="+mn-cs"/>
            </a:rPr>
            <a:t>4</a:t>
          </a:r>
          <a:r>
            <a:rPr kumimoji="1" lang="ja-JP" altLang="ja-JP" sz="1000">
              <a:solidFill>
                <a:schemeClr val="dk1"/>
              </a:solidFill>
              <a:effectLst/>
              <a:latin typeface="+mn-lt"/>
              <a:ea typeface="+mn-ea"/>
              <a:cs typeface="+mn-cs"/>
            </a:rPr>
            <a:t>年度は、</a:t>
          </a:r>
          <a:r>
            <a:rPr kumimoji="1" lang="ja-JP" altLang="en-US" sz="1000">
              <a:solidFill>
                <a:schemeClr val="dk1"/>
              </a:solidFill>
              <a:effectLst/>
              <a:latin typeface="+mn-lt"/>
              <a:ea typeface="+mn-ea"/>
              <a:cs typeface="+mn-cs"/>
            </a:rPr>
            <a:t>令和</a:t>
          </a:r>
          <a:r>
            <a:rPr kumimoji="1" lang="en-US" altLang="ja-JP" sz="1000">
              <a:solidFill>
                <a:schemeClr val="dk1"/>
              </a:solidFill>
              <a:effectLst/>
              <a:latin typeface="+mn-lt"/>
              <a:ea typeface="+mn-ea"/>
              <a:cs typeface="+mn-cs"/>
            </a:rPr>
            <a:t>3</a:t>
          </a:r>
          <a:r>
            <a:rPr kumimoji="1" lang="ja-JP" altLang="en-US" sz="1000">
              <a:solidFill>
                <a:schemeClr val="dk1"/>
              </a:solidFill>
              <a:effectLst/>
              <a:latin typeface="+mn-lt"/>
              <a:ea typeface="+mn-ea"/>
              <a:cs typeface="+mn-cs"/>
            </a:rPr>
            <a:t>年度と比べて、将来負担額が増加したものの、それ以上に充当可能財源が増加したことに加えて、経常一般財源等が増加したことなどにより、</a:t>
          </a:r>
          <a:r>
            <a:rPr kumimoji="1" lang="ja-JP" altLang="ja-JP" sz="1000">
              <a:solidFill>
                <a:schemeClr val="dk1"/>
              </a:solidFill>
              <a:effectLst/>
              <a:latin typeface="+mn-lt"/>
              <a:ea typeface="+mn-ea"/>
              <a:cs typeface="+mn-cs"/>
            </a:rPr>
            <a:t>令和</a:t>
          </a:r>
          <a:r>
            <a:rPr kumimoji="1" lang="en-US" altLang="ja-JP" sz="1000">
              <a:solidFill>
                <a:schemeClr val="dk1"/>
              </a:solidFill>
              <a:effectLst/>
              <a:latin typeface="+mn-lt"/>
              <a:ea typeface="+mn-ea"/>
              <a:cs typeface="+mn-cs"/>
            </a:rPr>
            <a:t>3</a:t>
          </a:r>
          <a:r>
            <a:rPr kumimoji="1" lang="ja-JP" altLang="ja-JP" sz="1000">
              <a:solidFill>
                <a:schemeClr val="dk1"/>
              </a:solidFill>
              <a:effectLst/>
              <a:latin typeface="+mn-lt"/>
              <a:ea typeface="+mn-ea"/>
              <a:cs typeface="+mn-cs"/>
            </a:rPr>
            <a:t>年度から</a:t>
          </a:r>
          <a:r>
            <a:rPr kumimoji="1" lang="en-US" altLang="ja-JP" sz="1000">
              <a:solidFill>
                <a:schemeClr val="dk1"/>
              </a:solidFill>
              <a:effectLst/>
              <a:latin typeface="+mn-lt"/>
              <a:ea typeface="+mn-ea"/>
              <a:cs typeface="+mn-cs"/>
            </a:rPr>
            <a:t>37.3</a:t>
          </a:r>
          <a:r>
            <a:rPr kumimoji="1" lang="ja-JP" altLang="ja-JP" sz="1000">
              <a:solidFill>
                <a:schemeClr val="dk1"/>
              </a:solidFill>
              <a:effectLst/>
              <a:latin typeface="+mn-lt"/>
              <a:ea typeface="+mn-ea"/>
              <a:cs typeface="+mn-cs"/>
            </a:rPr>
            <a:t>ポイント減少した。今後、公共施設の更新、統廃合、複合化等による地方債発行額の増加が予想されるが、現時点では留意すべき状況ではないと考える。</a:t>
          </a:r>
          <a:endParaRPr lang="ja-JP" altLang="ja-JP" sz="1000">
            <a:effectLst/>
          </a:endParaRPr>
        </a:p>
      </xdr:txBody>
    </xdr:sp>
    <xdr:clientData/>
  </xdr:twoCellAnchor>
  <xdr:oneCellAnchor>
    <xdr:from>
      <xdr:col>57</xdr:col>
      <xdr:colOff>111125</xdr:colOff>
      <xdr:row>23</xdr:row>
      <xdr:rowOff>47625</xdr:rowOff>
    </xdr:from>
    <xdr:ext cx="349839" cy="225703"/>
    <xdr:sp macro="" textlink="">
      <xdr:nvSpPr>
        <xdr:cNvPr id="122" name="テキスト ボックス 121"/>
        <xdr:cNvSpPr txBox="1"/>
      </xdr:nvSpPr>
      <xdr:spPr>
        <a:xfrm>
          <a:off x="993330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3" name="直線コネクタ 122"/>
        <xdr:cNvCxnSpPr/>
      </xdr:nvCxnSpPr>
      <xdr:spPr>
        <a:xfrm>
          <a:off x="9971405" y="697293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4" name="テキスト ボックス 123"/>
        <xdr:cNvSpPr txBox="1"/>
      </xdr:nvSpPr>
      <xdr:spPr>
        <a:xfrm>
          <a:off x="9486041" y="687913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5" name="直線コネクタ 124"/>
        <xdr:cNvCxnSpPr/>
      </xdr:nvCxnSpPr>
      <xdr:spPr>
        <a:xfrm>
          <a:off x="9971405" y="662072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26" name="テキスト ボックス 125"/>
        <xdr:cNvSpPr txBox="1"/>
      </xdr:nvSpPr>
      <xdr:spPr>
        <a:xfrm>
          <a:off x="9486041" y="652692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7" name="直線コネクタ 126"/>
        <xdr:cNvCxnSpPr/>
      </xdr:nvCxnSpPr>
      <xdr:spPr>
        <a:xfrm>
          <a:off x="9971405" y="626850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8" name="テキスト ボックス 127"/>
        <xdr:cNvSpPr txBox="1"/>
      </xdr:nvSpPr>
      <xdr:spPr>
        <a:xfrm>
          <a:off x="9542936" y="61747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9" name="直線コネクタ 128"/>
        <xdr:cNvCxnSpPr/>
      </xdr:nvCxnSpPr>
      <xdr:spPr>
        <a:xfrm>
          <a:off x="9971405" y="59162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30" name="テキスト ボックス 129"/>
        <xdr:cNvSpPr txBox="1"/>
      </xdr:nvSpPr>
      <xdr:spPr>
        <a:xfrm>
          <a:off x="9542936" y="58224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1" name="直線コネクタ 130"/>
        <xdr:cNvCxnSpPr/>
      </xdr:nvCxnSpPr>
      <xdr:spPr>
        <a:xfrm>
          <a:off x="9971405" y="55640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32" name="テキスト ボックス 131"/>
        <xdr:cNvSpPr txBox="1"/>
      </xdr:nvSpPr>
      <xdr:spPr>
        <a:xfrm>
          <a:off x="9542936" y="54702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3" name="直線コネクタ 132"/>
        <xdr:cNvCxnSpPr/>
      </xdr:nvCxnSpPr>
      <xdr:spPr>
        <a:xfrm>
          <a:off x="9971405" y="521186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4" name="テキスト ボックス 133"/>
        <xdr:cNvSpPr txBox="1"/>
      </xdr:nvSpPr>
      <xdr:spPr>
        <a:xfrm>
          <a:off x="9645528" y="512187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5" name="直線コネクタ 134"/>
        <xdr:cNvCxnSpPr/>
      </xdr:nvCxnSpPr>
      <xdr:spPr>
        <a:xfrm>
          <a:off x="9971405" y="48596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6" name="債務償還比率グラフ枠"/>
        <xdr:cNvSpPr/>
      </xdr:nvSpPr>
      <xdr:spPr>
        <a:xfrm>
          <a:off x="9971405" y="485965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47709</xdr:rowOff>
    </xdr:to>
    <xdr:cxnSp macro="">
      <xdr:nvCxnSpPr>
        <xdr:cNvPr id="137" name="直線コネクタ 136"/>
        <xdr:cNvCxnSpPr/>
      </xdr:nvCxnSpPr>
      <xdr:spPr>
        <a:xfrm flipV="1">
          <a:off x="13027660" y="5211868"/>
          <a:ext cx="1269" cy="13052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51536</xdr:rowOff>
    </xdr:from>
    <xdr:ext cx="560923" cy="259045"/>
    <xdr:sp macro="" textlink="">
      <xdr:nvSpPr>
        <xdr:cNvPr id="138" name="債務償還比率最小値テキスト"/>
        <xdr:cNvSpPr txBox="1"/>
      </xdr:nvSpPr>
      <xdr:spPr>
        <a:xfrm>
          <a:off x="13080365" y="652091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7709</xdr:rowOff>
    </xdr:from>
    <xdr:to>
      <xdr:col>76</xdr:col>
      <xdr:colOff>111125</xdr:colOff>
      <xdr:row>34</xdr:row>
      <xdr:rowOff>47709</xdr:rowOff>
    </xdr:to>
    <xdr:cxnSp macro="">
      <xdr:nvCxnSpPr>
        <xdr:cNvPr id="139" name="直線コネクタ 138"/>
        <xdr:cNvCxnSpPr/>
      </xdr:nvCxnSpPr>
      <xdr:spPr>
        <a:xfrm>
          <a:off x="12963525" y="651708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40" name="債務償還比率最大値テキスト"/>
        <xdr:cNvSpPr txBox="1"/>
      </xdr:nvSpPr>
      <xdr:spPr>
        <a:xfrm>
          <a:off x="13080365" y="499090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1" name="直線コネクタ 140"/>
        <xdr:cNvCxnSpPr/>
      </xdr:nvCxnSpPr>
      <xdr:spPr>
        <a:xfrm>
          <a:off x="12963525" y="521186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39634</xdr:rowOff>
    </xdr:from>
    <xdr:ext cx="469744" cy="259045"/>
    <xdr:sp macro="" textlink="">
      <xdr:nvSpPr>
        <xdr:cNvPr id="142" name="債務償還比率平均値テキスト"/>
        <xdr:cNvSpPr txBox="1"/>
      </xdr:nvSpPr>
      <xdr:spPr>
        <a:xfrm>
          <a:off x="13080365" y="5670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61207</xdr:rowOff>
    </xdr:from>
    <xdr:to>
      <xdr:col>76</xdr:col>
      <xdr:colOff>73025</xdr:colOff>
      <xdr:row>29</xdr:row>
      <xdr:rowOff>162807</xdr:rowOff>
    </xdr:to>
    <xdr:sp macro="" textlink="">
      <xdr:nvSpPr>
        <xdr:cNvPr id="143" name="フローチャート: 判断 142"/>
        <xdr:cNvSpPr/>
      </xdr:nvSpPr>
      <xdr:spPr>
        <a:xfrm>
          <a:off x="13001625" y="569238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7472</xdr:rowOff>
    </xdr:from>
    <xdr:to>
      <xdr:col>72</xdr:col>
      <xdr:colOff>123825</xdr:colOff>
      <xdr:row>29</xdr:row>
      <xdr:rowOff>109072</xdr:rowOff>
    </xdr:to>
    <xdr:sp macro="" textlink="">
      <xdr:nvSpPr>
        <xdr:cNvPr id="144" name="フローチャート: 判断 143"/>
        <xdr:cNvSpPr/>
      </xdr:nvSpPr>
      <xdr:spPr>
        <a:xfrm>
          <a:off x="12359005" y="563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3539</xdr:rowOff>
    </xdr:from>
    <xdr:to>
      <xdr:col>68</xdr:col>
      <xdr:colOff>123825</xdr:colOff>
      <xdr:row>30</xdr:row>
      <xdr:rowOff>115139</xdr:rowOff>
    </xdr:to>
    <xdr:sp macro="" textlink="">
      <xdr:nvSpPr>
        <xdr:cNvPr id="145" name="フローチャート: 判断 144"/>
        <xdr:cNvSpPr/>
      </xdr:nvSpPr>
      <xdr:spPr>
        <a:xfrm>
          <a:off x="11688445" y="5812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3392</xdr:rowOff>
    </xdr:from>
    <xdr:to>
      <xdr:col>64</xdr:col>
      <xdr:colOff>123825</xdr:colOff>
      <xdr:row>31</xdr:row>
      <xdr:rowOff>3542</xdr:rowOff>
    </xdr:to>
    <xdr:sp macro="" textlink="">
      <xdr:nvSpPr>
        <xdr:cNvPr id="146" name="フローチャート: 判断 145"/>
        <xdr:cNvSpPr/>
      </xdr:nvSpPr>
      <xdr:spPr>
        <a:xfrm>
          <a:off x="11017885" y="587221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480</xdr:rowOff>
    </xdr:from>
    <xdr:to>
      <xdr:col>60</xdr:col>
      <xdr:colOff>123825</xdr:colOff>
      <xdr:row>30</xdr:row>
      <xdr:rowOff>158080</xdr:rowOff>
    </xdr:to>
    <xdr:sp macro="" textlink="">
      <xdr:nvSpPr>
        <xdr:cNvPr id="147" name="フローチャート: 判断 146"/>
        <xdr:cNvSpPr/>
      </xdr:nvSpPr>
      <xdr:spPr>
        <a:xfrm>
          <a:off x="10347325" y="585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8" name="テキスト ボックス 147"/>
        <xdr:cNvSpPr txBox="1"/>
      </xdr:nvSpPr>
      <xdr:spPr>
        <a:xfrm>
          <a:off x="128746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9" name="テキスト ボックス 148"/>
        <xdr:cNvSpPr txBox="1"/>
      </xdr:nvSpPr>
      <xdr:spPr>
        <a:xfrm>
          <a:off x="122548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0" name="テキスト ボックス 149"/>
        <xdr:cNvSpPr txBox="1"/>
      </xdr:nvSpPr>
      <xdr:spPr>
        <a:xfrm>
          <a:off x="115843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1" name="テキスト ボックス 150"/>
        <xdr:cNvSpPr txBox="1"/>
      </xdr:nvSpPr>
      <xdr:spPr>
        <a:xfrm>
          <a:off x="109137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2" name="テキスト ボックス 151"/>
        <xdr:cNvSpPr txBox="1"/>
      </xdr:nvSpPr>
      <xdr:spPr>
        <a:xfrm>
          <a:off x="102431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25682</xdr:rowOff>
    </xdr:from>
    <xdr:to>
      <xdr:col>76</xdr:col>
      <xdr:colOff>73025</xdr:colOff>
      <xdr:row>27</xdr:row>
      <xdr:rowOff>127282</xdr:rowOff>
    </xdr:to>
    <xdr:sp macro="" textlink="">
      <xdr:nvSpPr>
        <xdr:cNvPr id="153" name="楕円 152"/>
        <xdr:cNvSpPr/>
      </xdr:nvSpPr>
      <xdr:spPr>
        <a:xfrm>
          <a:off x="13001625" y="532158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6</xdr:row>
      <xdr:rowOff>48559</xdr:rowOff>
    </xdr:from>
    <xdr:ext cx="469744" cy="259045"/>
    <xdr:sp macro="" textlink="">
      <xdr:nvSpPr>
        <xdr:cNvPr id="154" name="債務償還比率該当値テキスト"/>
        <xdr:cNvSpPr txBox="1"/>
      </xdr:nvSpPr>
      <xdr:spPr>
        <a:xfrm>
          <a:off x="13080365" y="5176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70422</xdr:rowOff>
    </xdr:from>
    <xdr:to>
      <xdr:col>72</xdr:col>
      <xdr:colOff>123825</xdr:colOff>
      <xdr:row>28</xdr:row>
      <xdr:rowOff>572</xdr:rowOff>
    </xdr:to>
    <xdr:sp macro="" textlink="">
      <xdr:nvSpPr>
        <xdr:cNvPr id="155" name="楕円 154"/>
        <xdr:cNvSpPr/>
      </xdr:nvSpPr>
      <xdr:spPr>
        <a:xfrm>
          <a:off x="12359005" y="536632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7</xdr:row>
      <xdr:rowOff>76482</xdr:rowOff>
    </xdr:from>
    <xdr:to>
      <xdr:col>76</xdr:col>
      <xdr:colOff>22225</xdr:colOff>
      <xdr:row>27</xdr:row>
      <xdr:rowOff>121222</xdr:rowOff>
    </xdr:to>
    <xdr:cxnSp macro="">
      <xdr:nvCxnSpPr>
        <xdr:cNvPr id="156" name="直線コネクタ 155"/>
        <xdr:cNvCxnSpPr/>
      </xdr:nvCxnSpPr>
      <xdr:spPr>
        <a:xfrm flipV="1">
          <a:off x="12409805" y="5372382"/>
          <a:ext cx="619760" cy="44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10400</xdr:rowOff>
    </xdr:from>
    <xdr:to>
      <xdr:col>68</xdr:col>
      <xdr:colOff>123825</xdr:colOff>
      <xdr:row>28</xdr:row>
      <xdr:rowOff>112000</xdr:rowOff>
    </xdr:to>
    <xdr:sp macro="" textlink="">
      <xdr:nvSpPr>
        <xdr:cNvPr id="157" name="楕円 156"/>
        <xdr:cNvSpPr/>
      </xdr:nvSpPr>
      <xdr:spPr>
        <a:xfrm>
          <a:off x="11688445" y="547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7</xdr:row>
      <xdr:rowOff>121222</xdr:rowOff>
    </xdr:from>
    <xdr:to>
      <xdr:col>72</xdr:col>
      <xdr:colOff>73025</xdr:colOff>
      <xdr:row>28</xdr:row>
      <xdr:rowOff>61200</xdr:rowOff>
    </xdr:to>
    <xdr:cxnSp macro="">
      <xdr:nvCxnSpPr>
        <xdr:cNvPr id="158" name="直線コネクタ 157"/>
        <xdr:cNvCxnSpPr/>
      </xdr:nvCxnSpPr>
      <xdr:spPr>
        <a:xfrm flipV="1">
          <a:off x="11739245" y="5417122"/>
          <a:ext cx="670560" cy="107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42425</xdr:rowOff>
    </xdr:from>
    <xdr:to>
      <xdr:col>64</xdr:col>
      <xdr:colOff>123825</xdr:colOff>
      <xdr:row>28</xdr:row>
      <xdr:rowOff>144025</xdr:rowOff>
    </xdr:to>
    <xdr:sp macro="" textlink="">
      <xdr:nvSpPr>
        <xdr:cNvPr id="159" name="楕円 158"/>
        <xdr:cNvSpPr/>
      </xdr:nvSpPr>
      <xdr:spPr>
        <a:xfrm>
          <a:off x="11017885" y="550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61200</xdr:rowOff>
    </xdr:from>
    <xdr:to>
      <xdr:col>68</xdr:col>
      <xdr:colOff>73025</xdr:colOff>
      <xdr:row>28</xdr:row>
      <xdr:rowOff>93225</xdr:rowOff>
    </xdr:to>
    <xdr:cxnSp macro="">
      <xdr:nvCxnSpPr>
        <xdr:cNvPr id="160" name="直線コネクタ 159"/>
        <xdr:cNvCxnSpPr/>
      </xdr:nvCxnSpPr>
      <xdr:spPr>
        <a:xfrm flipV="1">
          <a:off x="11068685" y="5524740"/>
          <a:ext cx="670560" cy="32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48182</xdr:rowOff>
    </xdr:from>
    <xdr:to>
      <xdr:col>60</xdr:col>
      <xdr:colOff>123825</xdr:colOff>
      <xdr:row>28</xdr:row>
      <xdr:rowOff>149782</xdr:rowOff>
    </xdr:to>
    <xdr:sp macro="" textlink="">
      <xdr:nvSpPr>
        <xdr:cNvPr id="161" name="楕円 160"/>
        <xdr:cNvSpPr/>
      </xdr:nvSpPr>
      <xdr:spPr>
        <a:xfrm>
          <a:off x="10347325" y="5511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93225</xdr:rowOff>
    </xdr:from>
    <xdr:to>
      <xdr:col>64</xdr:col>
      <xdr:colOff>73025</xdr:colOff>
      <xdr:row>28</xdr:row>
      <xdr:rowOff>98982</xdr:rowOff>
    </xdr:to>
    <xdr:cxnSp macro="">
      <xdr:nvCxnSpPr>
        <xdr:cNvPr id="162" name="直線コネクタ 161"/>
        <xdr:cNvCxnSpPr/>
      </xdr:nvCxnSpPr>
      <xdr:spPr>
        <a:xfrm flipV="1">
          <a:off x="10398125" y="5556765"/>
          <a:ext cx="670560" cy="5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00199</xdr:rowOff>
    </xdr:from>
    <xdr:ext cx="469744" cy="259045"/>
    <xdr:sp macro="" textlink="">
      <xdr:nvSpPr>
        <xdr:cNvPr id="163" name="n_1aveValue債務償還比率"/>
        <xdr:cNvSpPr txBox="1"/>
      </xdr:nvSpPr>
      <xdr:spPr>
        <a:xfrm>
          <a:off x="12185092" y="5731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06266</xdr:rowOff>
    </xdr:from>
    <xdr:ext cx="469744" cy="259045"/>
    <xdr:sp macro="" textlink="">
      <xdr:nvSpPr>
        <xdr:cNvPr id="164" name="n_2aveValue債務償還比率"/>
        <xdr:cNvSpPr txBox="1"/>
      </xdr:nvSpPr>
      <xdr:spPr>
        <a:xfrm>
          <a:off x="11527232" y="5905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66119</xdr:rowOff>
    </xdr:from>
    <xdr:ext cx="469744" cy="259045"/>
    <xdr:sp macro="" textlink="">
      <xdr:nvSpPr>
        <xdr:cNvPr id="165" name="n_3aveValue債務償還比率"/>
        <xdr:cNvSpPr txBox="1"/>
      </xdr:nvSpPr>
      <xdr:spPr>
        <a:xfrm>
          <a:off x="10856672" y="5964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49207</xdr:rowOff>
    </xdr:from>
    <xdr:ext cx="469744" cy="259045"/>
    <xdr:sp macro="" textlink="">
      <xdr:nvSpPr>
        <xdr:cNvPr id="166" name="n_4aveValue債務償還比率"/>
        <xdr:cNvSpPr txBox="1"/>
      </xdr:nvSpPr>
      <xdr:spPr>
        <a:xfrm>
          <a:off x="10186112" y="59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7099</xdr:rowOff>
    </xdr:from>
    <xdr:ext cx="469744" cy="259045"/>
    <xdr:sp macro="" textlink="">
      <xdr:nvSpPr>
        <xdr:cNvPr id="167" name="n_1mainValue債務償還比率"/>
        <xdr:cNvSpPr txBox="1"/>
      </xdr:nvSpPr>
      <xdr:spPr>
        <a:xfrm>
          <a:off x="12185092" y="5145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128527</xdr:rowOff>
    </xdr:from>
    <xdr:ext cx="469744" cy="259045"/>
    <xdr:sp macro="" textlink="">
      <xdr:nvSpPr>
        <xdr:cNvPr id="168" name="n_2mainValue債務償還比率"/>
        <xdr:cNvSpPr txBox="1"/>
      </xdr:nvSpPr>
      <xdr:spPr>
        <a:xfrm>
          <a:off x="11527232" y="525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6</xdr:row>
      <xdr:rowOff>160552</xdr:rowOff>
    </xdr:from>
    <xdr:ext cx="469744" cy="259045"/>
    <xdr:sp macro="" textlink="">
      <xdr:nvSpPr>
        <xdr:cNvPr id="169" name="n_3mainValue債務償還比率"/>
        <xdr:cNvSpPr txBox="1"/>
      </xdr:nvSpPr>
      <xdr:spPr>
        <a:xfrm>
          <a:off x="10856672" y="5288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6</xdr:row>
      <xdr:rowOff>166309</xdr:rowOff>
    </xdr:from>
    <xdr:ext cx="469744" cy="259045"/>
    <xdr:sp macro="" textlink="">
      <xdr:nvSpPr>
        <xdr:cNvPr id="170" name="n_4mainValue債務償還比率"/>
        <xdr:cNvSpPr txBox="1"/>
      </xdr:nvSpPr>
      <xdr:spPr>
        <a:xfrm>
          <a:off x="10186112" y="5294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1" name="正方形/長方形 170"/>
        <xdr:cNvSpPr/>
      </xdr:nvSpPr>
      <xdr:spPr>
        <a:xfrm>
          <a:off x="1127125" y="783336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2" name="正方形/長方形 171"/>
        <xdr:cNvSpPr/>
      </xdr:nvSpPr>
      <xdr:spPr>
        <a:xfrm>
          <a:off x="1127125" y="1155001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3" name="テキスト ボックス 172"/>
        <xdr:cNvSpPr txBox="1"/>
      </xdr:nvSpPr>
      <xdr:spPr>
        <a:xfrm>
          <a:off x="817245" y="807974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4" name="テキスト ボックス 173"/>
        <xdr:cNvSpPr txBox="1"/>
      </xdr:nvSpPr>
      <xdr:spPr>
        <a:xfrm>
          <a:off x="6156325" y="1068959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5" name="テキスト ボックス 174"/>
        <xdr:cNvSpPr txBox="1"/>
      </xdr:nvSpPr>
      <xdr:spPr>
        <a:xfrm>
          <a:off x="817245" y="117709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6" name="テキスト ボックス 175"/>
        <xdr:cNvSpPr txBox="1"/>
      </xdr:nvSpPr>
      <xdr:spPr>
        <a:xfrm>
          <a:off x="6156325" y="1446593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3
48,001
13.34
20,901,741
18,851,296
1,947,164
10,338,887
6,858,9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44780</xdr:rowOff>
    </xdr:from>
    <xdr:to>
      <xdr:col>24</xdr:col>
      <xdr:colOff>62865</xdr:colOff>
      <xdr:row>42</xdr:row>
      <xdr:rowOff>36195</xdr:rowOff>
    </xdr:to>
    <xdr:cxnSp macro="">
      <xdr:nvCxnSpPr>
        <xdr:cNvPr id="57" name="直線コネクタ 56"/>
        <xdr:cNvCxnSpPr/>
      </xdr:nvCxnSpPr>
      <xdr:spPr>
        <a:xfrm flipV="1">
          <a:off x="4086225" y="5844540"/>
          <a:ext cx="0" cy="123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0022</xdr:rowOff>
    </xdr:from>
    <xdr:ext cx="405111" cy="259045"/>
    <xdr:sp macro="" textlink="">
      <xdr:nvSpPr>
        <xdr:cNvPr id="58" name="【道路】&#10;有形固定資産減価償却率最小値テキスト"/>
        <xdr:cNvSpPr txBox="1"/>
      </xdr:nvSpPr>
      <xdr:spPr>
        <a:xfrm>
          <a:off x="4124960" y="708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6195</xdr:rowOff>
    </xdr:from>
    <xdr:to>
      <xdr:col>24</xdr:col>
      <xdr:colOff>152400</xdr:colOff>
      <xdr:row>42</xdr:row>
      <xdr:rowOff>36195</xdr:rowOff>
    </xdr:to>
    <xdr:cxnSp macro="">
      <xdr:nvCxnSpPr>
        <xdr:cNvPr id="59" name="直線コネクタ 58"/>
        <xdr:cNvCxnSpPr/>
      </xdr:nvCxnSpPr>
      <xdr:spPr>
        <a:xfrm>
          <a:off x="4020820" y="70770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1457</xdr:rowOff>
    </xdr:from>
    <xdr:ext cx="405111" cy="259045"/>
    <xdr:sp macro="" textlink="">
      <xdr:nvSpPr>
        <xdr:cNvPr id="60" name="【道路】&#10;有形固定資産減価償却率最大値テキスト"/>
        <xdr:cNvSpPr txBox="1"/>
      </xdr:nvSpPr>
      <xdr:spPr>
        <a:xfrm>
          <a:off x="4124960" y="5623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44780</xdr:rowOff>
    </xdr:from>
    <xdr:to>
      <xdr:col>24</xdr:col>
      <xdr:colOff>152400</xdr:colOff>
      <xdr:row>34</xdr:row>
      <xdr:rowOff>144780</xdr:rowOff>
    </xdr:to>
    <xdr:cxnSp macro="">
      <xdr:nvCxnSpPr>
        <xdr:cNvPr id="61" name="直線コネクタ 60"/>
        <xdr:cNvCxnSpPr/>
      </xdr:nvCxnSpPr>
      <xdr:spPr>
        <a:xfrm>
          <a:off x="4020820" y="58445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61942</xdr:rowOff>
    </xdr:from>
    <xdr:ext cx="405111" cy="259045"/>
    <xdr:sp macro="" textlink="">
      <xdr:nvSpPr>
        <xdr:cNvPr id="62" name="【道路】&#10;有形固定資産減価償却率平均値テキスト"/>
        <xdr:cNvSpPr txBox="1"/>
      </xdr:nvSpPr>
      <xdr:spPr>
        <a:xfrm>
          <a:off x="4124960" y="63646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065</xdr:rowOff>
    </xdr:from>
    <xdr:to>
      <xdr:col>24</xdr:col>
      <xdr:colOff>114300</xdr:colOff>
      <xdr:row>38</xdr:row>
      <xdr:rowOff>113665</xdr:rowOff>
    </xdr:to>
    <xdr:sp macro="" textlink="">
      <xdr:nvSpPr>
        <xdr:cNvPr id="63" name="フローチャート: 判断 62"/>
        <xdr:cNvSpPr/>
      </xdr:nvSpPr>
      <xdr:spPr>
        <a:xfrm>
          <a:off x="403606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70180</xdr:rowOff>
    </xdr:from>
    <xdr:to>
      <xdr:col>20</xdr:col>
      <xdr:colOff>38100</xdr:colOff>
      <xdr:row>38</xdr:row>
      <xdr:rowOff>100330</xdr:rowOff>
    </xdr:to>
    <xdr:sp macro="" textlink="">
      <xdr:nvSpPr>
        <xdr:cNvPr id="64" name="フローチャート: 判断 63"/>
        <xdr:cNvSpPr/>
      </xdr:nvSpPr>
      <xdr:spPr>
        <a:xfrm>
          <a:off x="3312160" y="637286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45</xdr:rowOff>
    </xdr:from>
    <xdr:to>
      <xdr:col>15</xdr:col>
      <xdr:colOff>101600</xdr:colOff>
      <xdr:row>38</xdr:row>
      <xdr:rowOff>106045</xdr:rowOff>
    </xdr:to>
    <xdr:sp macro="" textlink="">
      <xdr:nvSpPr>
        <xdr:cNvPr id="65" name="フローチャート: 判断 64"/>
        <xdr:cNvSpPr/>
      </xdr:nvSpPr>
      <xdr:spPr>
        <a:xfrm>
          <a:off x="2514600" y="637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47320</xdr:rowOff>
    </xdr:from>
    <xdr:to>
      <xdr:col>10</xdr:col>
      <xdr:colOff>165100</xdr:colOff>
      <xdr:row>38</xdr:row>
      <xdr:rowOff>77470</xdr:rowOff>
    </xdr:to>
    <xdr:sp macro="" textlink="">
      <xdr:nvSpPr>
        <xdr:cNvPr id="66" name="フローチャート: 判断 65"/>
        <xdr:cNvSpPr/>
      </xdr:nvSpPr>
      <xdr:spPr>
        <a:xfrm>
          <a:off x="1739900" y="63500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3030</xdr:rowOff>
    </xdr:from>
    <xdr:to>
      <xdr:col>6</xdr:col>
      <xdr:colOff>38100</xdr:colOff>
      <xdr:row>38</xdr:row>
      <xdr:rowOff>43180</xdr:rowOff>
    </xdr:to>
    <xdr:sp macro="" textlink="">
      <xdr:nvSpPr>
        <xdr:cNvPr id="67" name="フローチャート: 判断 66"/>
        <xdr:cNvSpPr/>
      </xdr:nvSpPr>
      <xdr:spPr>
        <a:xfrm>
          <a:off x="965200" y="63157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3975</xdr:rowOff>
    </xdr:from>
    <xdr:to>
      <xdr:col>24</xdr:col>
      <xdr:colOff>114300</xdr:colOff>
      <xdr:row>37</xdr:row>
      <xdr:rowOff>155575</xdr:rowOff>
    </xdr:to>
    <xdr:sp macro="" textlink="">
      <xdr:nvSpPr>
        <xdr:cNvPr id="73" name="楕円 72"/>
        <xdr:cNvSpPr/>
      </xdr:nvSpPr>
      <xdr:spPr>
        <a:xfrm>
          <a:off x="4036060" y="6256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76852</xdr:rowOff>
    </xdr:from>
    <xdr:ext cx="405111" cy="259045"/>
    <xdr:sp macro="" textlink="">
      <xdr:nvSpPr>
        <xdr:cNvPr id="74" name="【道路】&#10;有形固定資産減価償却率該当値テキスト"/>
        <xdr:cNvSpPr txBox="1"/>
      </xdr:nvSpPr>
      <xdr:spPr>
        <a:xfrm>
          <a:off x="4124960" y="6111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34925</xdr:rowOff>
    </xdr:from>
    <xdr:to>
      <xdr:col>20</xdr:col>
      <xdr:colOff>38100</xdr:colOff>
      <xdr:row>37</xdr:row>
      <xdr:rowOff>136525</xdr:rowOff>
    </xdr:to>
    <xdr:sp macro="" textlink="">
      <xdr:nvSpPr>
        <xdr:cNvPr id="75" name="楕円 74"/>
        <xdr:cNvSpPr/>
      </xdr:nvSpPr>
      <xdr:spPr>
        <a:xfrm>
          <a:off x="3312160" y="623760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85725</xdr:rowOff>
    </xdr:from>
    <xdr:to>
      <xdr:col>24</xdr:col>
      <xdr:colOff>63500</xdr:colOff>
      <xdr:row>37</xdr:row>
      <xdr:rowOff>104775</xdr:rowOff>
    </xdr:to>
    <xdr:cxnSp macro="">
      <xdr:nvCxnSpPr>
        <xdr:cNvPr id="76" name="直線コネクタ 75"/>
        <xdr:cNvCxnSpPr/>
      </xdr:nvCxnSpPr>
      <xdr:spPr>
        <a:xfrm>
          <a:off x="3355340" y="6288405"/>
          <a:ext cx="73152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350</xdr:rowOff>
    </xdr:from>
    <xdr:to>
      <xdr:col>15</xdr:col>
      <xdr:colOff>101600</xdr:colOff>
      <xdr:row>37</xdr:row>
      <xdr:rowOff>107950</xdr:rowOff>
    </xdr:to>
    <xdr:sp macro="" textlink="">
      <xdr:nvSpPr>
        <xdr:cNvPr id="77" name="楕円 76"/>
        <xdr:cNvSpPr/>
      </xdr:nvSpPr>
      <xdr:spPr>
        <a:xfrm>
          <a:off x="2514600" y="620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57150</xdr:rowOff>
    </xdr:from>
    <xdr:to>
      <xdr:col>19</xdr:col>
      <xdr:colOff>177800</xdr:colOff>
      <xdr:row>37</xdr:row>
      <xdr:rowOff>85725</xdr:rowOff>
    </xdr:to>
    <xdr:cxnSp macro="">
      <xdr:nvCxnSpPr>
        <xdr:cNvPr id="78" name="直線コネクタ 77"/>
        <xdr:cNvCxnSpPr/>
      </xdr:nvCxnSpPr>
      <xdr:spPr>
        <a:xfrm>
          <a:off x="2565400" y="6259830"/>
          <a:ext cx="78994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51130</xdr:rowOff>
    </xdr:from>
    <xdr:to>
      <xdr:col>10</xdr:col>
      <xdr:colOff>165100</xdr:colOff>
      <xdr:row>37</xdr:row>
      <xdr:rowOff>81280</xdr:rowOff>
    </xdr:to>
    <xdr:sp macro="" textlink="">
      <xdr:nvSpPr>
        <xdr:cNvPr id="79" name="楕円 78"/>
        <xdr:cNvSpPr/>
      </xdr:nvSpPr>
      <xdr:spPr>
        <a:xfrm>
          <a:off x="1739900" y="61861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30480</xdr:rowOff>
    </xdr:from>
    <xdr:to>
      <xdr:col>15</xdr:col>
      <xdr:colOff>50800</xdr:colOff>
      <xdr:row>37</xdr:row>
      <xdr:rowOff>57150</xdr:rowOff>
    </xdr:to>
    <xdr:cxnSp macro="">
      <xdr:nvCxnSpPr>
        <xdr:cNvPr id="80" name="直線コネクタ 79"/>
        <xdr:cNvCxnSpPr/>
      </xdr:nvCxnSpPr>
      <xdr:spPr>
        <a:xfrm>
          <a:off x="1790700" y="6233160"/>
          <a:ext cx="7747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22555</xdr:rowOff>
    </xdr:from>
    <xdr:to>
      <xdr:col>6</xdr:col>
      <xdr:colOff>38100</xdr:colOff>
      <xdr:row>37</xdr:row>
      <xdr:rowOff>52705</xdr:rowOff>
    </xdr:to>
    <xdr:sp macro="" textlink="">
      <xdr:nvSpPr>
        <xdr:cNvPr id="81" name="楕円 80"/>
        <xdr:cNvSpPr/>
      </xdr:nvSpPr>
      <xdr:spPr>
        <a:xfrm>
          <a:off x="965200" y="615759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905</xdr:rowOff>
    </xdr:from>
    <xdr:to>
      <xdr:col>10</xdr:col>
      <xdr:colOff>114300</xdr:colOff>
      <xdr:row>37</xdr:row>
      <xdr:rowOff>30480</xdr:rowOff>
    </xdr:to>
    <xdr:cxnSp macro="">
      <xdr:nvCxnSpPr>
        <xdr:cNvPr id="82" name="直線コネクタ 81"/>
        <xdr:cNvCxnSpPr/>
      </xdr:nvCxnSpPr>
      <xdr:spPr>
        <a:xfrm>
          <a:off x="1008380" y="6204585"/>
          <a:ext cx="78232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91457</xdr:rowOff>
    </xdr:from>
    <xdr:ext cx="405111" cy="259045"/>
    <xdr:sp macro="" textlink="">
      <xdr:nvSpPr>
        <xdr:cNvPr id="83" name="n_1aveValue【道路】&#10;有形固定資産減価償却率"/>
        <xdr:cNvSpPr txBox="1"/>
      </xdr:nvSpPr>
      <xdr:spPr>
        <a:xfrm>
          <a:off x="3170564" y="646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97172</xdr:rowOff>
    </xdr:from>
    <xdr:ext cx="405111" cy="259045"/>
    <xdr:sp macro="" textlink="">
      <xdr:nvSpPr>
        <xdr:cNvPr id="84" name="n_2aveValue【道路】&#10;有形固定資産減価償却率"/>
        <xdr:cNvSpPr txBox="1"/>
      </xdr:nvSpPr>
      <xdr:spPr>
        <a:xfrm>
          <a:off x="2385704" y="6467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68597</xdr:rowOff>
    </xdr:from>
    <xdr:ext cx="405111" cy="259045"/>
    <xdr:sp macro="" textlink="">
      <xdr:nvSpPr>
        <xdr:cNvPr id="85" name="n_3aveValue【道路】&#10;有形固定資産減価償却率"/>
        <xdr:cNvSpPr txBox="1"/>
      </xdr:nvSpPr>
      <xdr:spPr>
        <a:xfrm>
          <a:off x="1611004" y="6438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34307</xdr:rowOff>
    </xdr:from>
    <xdr:ext cx="405111" cy="259045"/>
    <xdr:sp macro="" textlink="">
      <xdr:nvSpPr>
        <xdr:cNvPr id="86" name="n_4aveValue【道路】&#10;有形固定資産減価償却率"/>
        <xdr:cNvSpPr txBox="1"/>
      </xdr:nvSpPr>
      <xdr:spPr>
        <a:xfrm>
          <a:off x="836304" y="640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53052</xdr:rowOff>
    </xdr:from>
    <xdr:ext cx="405111" cy="259045"/>
    <xdr:sp macro="" textlink="">
      <xdr:nvSpPr>
        <xdr:cNvPr id="87" name="n_1mainValue【道路】&#10;有形固定資産減価償却率"/>
        <xdr:cNvSpPr txBox="1"/>
      </xdr:nvSpPr>
      <xdr:spPr>
        <a:xfrm>
          <a:off x="3170564" y="6020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4477</xdr:rowOff>
    </xdr:from>
    <xdr:ext cx="405111" cy="259045"/>
    <xdr:sp macro="" textlink="">
      <xdr:nvSpPr>
        <xdr:cNvPr id="88" name="n_2mainValue【道路】&#10;有形固定資産減価償却率"/>
        <xdr:cNvSpPr txBox="1"/>
      </xdr:nvSpPr>
      <xdr:spPr>
        <a:xfrm>
          <a:off x="2385704" y="599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7807</xdr:rowOff>
    </xdr:from>
    <xdr:ext cx="405111" cy="259045"/>
    <xdr:sp macro="" textlink="">
      <xdr:nvSpPr>
        <xdr:cNvPr id="89" name="n_3mainValue【道路】&#10;有形固定資産減価償却率"/>
        <xdr:cNvSpPr txBox="1"/>
      </xdr:nvSpPr>
      <xdr:spPr>
        <a:xfrm>
          <a:off x="1611004" y="596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69232</xdr:rowOff>
    </xdr:from>
    <xdr:ext cx="405111" cy="259045"/>
    <xdr:sp macro="" textlink="">
      <xdr:nvSpPr>
        <xdr:cNvPr id="90" name="n_4mainValue【道路】&#10;有形固定資産減価償却率"/>
        <xdr:cNvSpPr txBox="1"/>
      </xdr:nvSpPr>
      <xdr:spPr>
        <a:xfrm>
          <a:off x="836304" y="5936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xdr:cNvSpPr txBox="1"/>
      </xdr:nvSpPr>
      <xdr:spPr>
        <a:xfrm>
          <a:off x="5364041" y="65671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xdr:cNvSpPr txBox="1"/>
      </xdr:nvSpPr>
      <xdr:spPr>
        <a:xfrm>
          <a:off x="5364041" y="61976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xdr:cNvSpPr txBox="1"/>
      </xdr:nvSpPr>
      <xdr:spPr>
        <a:xfrm>
          <a:off x="5364041" y="58242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xdr:cNvSpPr txBox="1"/>
      </xdr:nvSpPr>
      <xdr:spPr>
        <a:xfrm>
          <a:off x="5364041" y="54508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1557</xdr:rowOff>
    </xdr:from>
    <xdr:to>
      <xdr:col>54</xdr:col>
      <xdr:colOff>189865</xdr:colOff>
      <xdr:row>41</xdr:row>
      <xdr:rowOff>122339</xdr:rowOff>
    </xdr:to>
    <xdr:cxnSp macro="">
      <xdr:nvCxnSpPr>
        <xdr:cNvPr id="114" name="直線コネクタ 113"/>
        <xdr:cNvCxnSpPr/>
      </xdr:nvCxnSpPr>
      <xdr:spPr>
        <a:xfrm flipV="1">
          <a:off x="9219565" y="5811317"/>
          <a:ext cx="0" cy="1184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26166</xdr:rowOff>
    </xdr:from>
    <xdr:ext cx="469744" cy="259045"/>
    <xdr:sp macro="" textlink="">
      <xdr:nvSpPr>
        <xdr:cNvPr id="115" name="【道路】&#10;一人当たり延長最小値テキスト"/>
        <xdr:cNvSpPr txBox="1"/>
      </xdr:nvSpPr>
      <xdr:spPr>
        <a:xfrm>
          <a:off x="9258300" y="6999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2339</xdr:rowOff>
    </xdr:from>
    <xdr:to>
      <xdr:col>55</xdr:col>
      <xdr:colOff>88900</xdr:colOff>
      <xdr:row>41</xdr:row>
      <xdr:rowOff>122339</xdr:rowOff>
    </xdr:to>
    <xdr:cxnSp macro="">
      <xdr:nvCxnSpPr>
        <xdr:cNvPr id="116" name="直線コネクタ 115"/>
        <xdr:cNvCxnSpPr/>
      </xdr:nvCxnSpPr>
      <xdr:spPr>
        <a:xfrm>
          <a:off x="9154160" y="699557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8234</xdr:rowOff>
    </xdr:from>
    <xdr:ext cx="534377" cy="259045"/>
    <xdr:sp macro="" textlink="">
      <xdr:nvSpPr>
        <xdr:cNvPr id="117" name="【道路】&#10;一人当たり延長最大値テキスト"/>
        <xdr:cNvSpPr txBox="1"/>
      </xdr:nvSpPr>
      <xdr:spPr>
        <a:xfrm>
          <a:off x="9258300" y="5590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1557</xdr:rowOff>
    </xdr:from>
    <xdr:to>
      <xdr:col>55</xdr:col>
      <xdr:colOff>88900</xdr:colOff>
      <xdr:row>34</xdr:row>
      <xdr:rowOff>111557</xdr:rowOff>
    </xdr:to>
    <xdr:cxnSp macro="">
      <xdr:nvCxnSpPr>
        <xdr:cNvPr id="118" name="直線コネクタ 117"/>
        <xdr:cNvCxnSpPr/>
      </xdr:nvCxnSpPr>
      <xdr:spPr>
        <a:xfrm>
          <a:off x="9154160" y="581131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6613</xdr:rowOff>
    </xdr:from>
    <xdr:ext cx="469744" cy="259045"/>
    <xdr:sp macro="" textlink="">
      <xdr:nvSpPr>
        <xdr:cNvPr id="119" name="【道路】&#10;一人当たり延長平均値テキスト"/>
        <xdr:cNvSpPr txBox="1"/>
      </xdr:nvSpPr>
      <xdr:spPr>
        <a:xfrm>
          <a:off x="9258300" y="65169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736</xdr:rowOff>
    </xdr:from>
    <xdr:to>
      <xdr:col>55</xdr:col>
      <xdr:colOff>50800</xdr:colOff>
      <xdr:row>40</xdr:row>
      <xdr:rowOff>53886</xdr:rowOff>
    </xdr:to>
    <xdr:sp macro="" textlink="">
      <xdr:nvSpPr>
        <xdr:cNvPr id="120" name="フローチャート: 判断 119"/>
        <xdr:cNvSpPr/>
      </xdr:nvSpPr>
      <xdr:spPr>
        <a:xfrm>
          <a:off x="9192260" y="666169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6576</xdr:rowOff>
    </xdr:from>
    <xdr:to>
      <xdr:col>50</xdr:col>
      <xdr:colOff>165100</xdr:colOff>
      <xdr:row>40</xdr:row>
      <xdr:rowOff>66726</xdr:rowOff>
    </xdr:to>
    <xdr:sp macro="" textlink="">
      <xdr:nvSpPr>
        <xdr:cNvPr id="121" name="フローチャート: 判断 120"/>
        <xdr:cNvSpPr/>
      </xdr:nvSpPr>
      <xdr:spPr>
        <a:xfrm>
          <a:off x="8445500" y="66745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3264</xdr:rowOff>
    </xdr:from>
    <xdr:to>
      <xdr:col>46</xdr:col>
      <xdr:colOff>38100</xdr:colOff>
      <xdr:row>40</xdr:row>
      <xdr:rowOff>83414</xdr:rowOff>
    </xdr:to>
    <xdr:sp macro="" textlink="">
      <xdr:nvSpPr>
        <xdr:cNvPr id="122" name="フローチャート: 判断 121"/>
        <xdr:cNvSpPr/>
      </xdr:nvSpPr>
      <xdr:spPr>
        <a:xfrm>
          <a:off x="7670800" y="669122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7605</xdr:rowOff>
    </xdr:from>
    <xdr:to>
      <xdr:col>41</xdr:col>
      <xdr:colOff>101600</xdr:colOff>
      <xdr:row>40</xdr:row>
      <xdr:rowOff>67755</xdr:rowOff>
    </xdr:to>
    <xdr:sp macro="" textlink="">
      <xdr:nvSpPr>
        <xdr:cNvPr id="123" name="フローチャート: 判断 122"/>
        <xdr:cNvSpPr/>
      </xdr:nvSpPr>
      <xdr:spPr>
        <a:xfrm>
          <a:off x="6873240" y="66755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35699</xdr:rowOff>
    </xdr:from>
    <xdr:to>
      <xdr:col>36</xdr:col>
      <xdr:colOff>165100</xdr:colOff>
      <xdr:row>40</xdr:row>
      <xdr:rowOff>65849</xdr:rowOff>
    </xdr:to>
    <xdr:sp macro="" textlink="">
      <xdr:nvSpPr>
        <xdr:cNvPr id="124" name="フローチャート: 判断 123"/>
        <xdr:cNvSpPr/>
      </xdr:nvSpPr>
      <xdr:spPr>
        <a:xfrm>
          <a:off x="6098540" y="667365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226</xdr:rowOff>
    </xdr:from>
    <xdr:to>
      <xdr:col>55</xdr:col>
      <xdr:colOff>50800</xdr:colOff>
      <xdr:row>41</xdr:row>
      <xdr:rowOff>108826</xdr:rowOff>
    </xdr:to>
    <xdr:sp macro="" textlink="">
      <xdr:nvSpPr>
        <xdr:cNvPr id="130" name="楕円 129"/>
        <xdr:cNvSpPr/>
      </xdr:nvSpPr>
      <xdr:spPr>
        <a:xfrm>
          <a:off x="9192260" y="688046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93603</xdr:rowOff>
    </xdr:from>
    <xdr:ext cx="469744" cy="259045"/>
    <xdr:sp macro="" textlink="">
      <xdr:nvSpPr>
        <xdr:cNvPr id="131" name="【道路】&#10;一人当たり延長該当値テキスト"/>
        <xdr:cNvSpPr txBox="1"/>
      </xdr:nvSpPr>
      <xdr:spPr>
        <a:xfrm>
          <a:off x="9258300" y="6799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607</xdr:rowOff>
    </xdr:from>
    <xdr:to>
      <xdr:col>50</xdr:col>
      <xdr:colOff>165100</xdr:colOff>
      <xdr:row>41</xdr:row>
      <xdr:rowOff>109207</xdr:rowOff>
    </xdr:to>
    <xdr:sp macro="" textlink="">
      <xdr:nvSpPr>
        <xdr:cNvPr id="132" name="楕円 131"/>
        <xdr:cNvSpPr/>
      </xdr:nvSpPr>
      <xdr:spPr>
        <a:xfrm>
          <a:off x="8445500" y="6880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8026</xdr:rowOff>
    </xdr:from>
    <xdr:to>
      <xdr:col>55</xdr:col>
      <xdr:colOff>0</xdr:colOff>
      <xdr:row>41</xdr:row>
      <xdr:rowOff>58407</xdr:rowOff>
    </xdr:to>
    <xdr:cxnSp macro="">
      <xdr:nvCxnSpPr>
        <xdr:cNvPr id="133" name="直線コネクタ 132"/>
        <xdr:cNvCxnSpPr/>
      </xdr:nvCxnSpPr>
      <xdr:spPr>
        <a:xfrm flipV="1">
          <a:off x="8496300" y="6931266"/>
          <a:ext cx="7239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645</xdr:rowOff>
    </xdr:from>
    <xdr:to>
      <xdr:col>46</xdr:col>
      <xdr:colOff>38100</xdr:colOff>
      <xdr:row>41</xdr:row>
      <xdr:rowOff>109245</xdr:rowOff>
    </xdr:to>
    <xdr:sp macro="" textlink="">
      <xdr:nvSpPr>
        <xdr:cNvPr id="134" name="楕円 133"/>
        <xdr:cNvSpPr/>
      </xdr:nvSpPr>
      <xdr:spPr>
        <a:xfrm>
          <a:off x="7670800" y="688088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8407</xdr:rowOff>
    </xdr:from>
    <xdr:to>
      <xdr:col>50</xdr:col>
      <xdr:colOff>114300</xdr:colOff>
      <xdr:row>41</xdr:row>
      <xdr:rowOff>58445</xdr:rowOff>
    </xdr:to>
    <xdr:cxnSp macro="">
      <xdr:nvCxnSpPr>
        <xdr:cNvPr id="135" name="直線コネクタ 134"/>
        <xdr:cNvCxnSpPr/>
      </xdr:nvCxnSpPr>
      <xdr:spPr>
        <a:xfrm flipV="1">
          <a:off x="7713980" y="6931647"/>
          <a:ext cx="78232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265</xdr:rowOff>
    </xdr:from>
    <xdr:to>
      <xdr:col>41</xdr:col>
      <xdr:colOff>101600</xdr:colOff>
      <xdr:row>41</xdr:row>
      <xdr:rowOff>108865</xdr:rowOff>
    </xdr:to>
    <xdr:sp macro="" textlink="">
      <xdr:nvSpPr>
        <xdr:cNvPr id="136" name="楕円 135"/>
        <xdr:cNvSpPr/>
      </xdr:nvSpPr>
      <xdr:spPr>
        <a:xfrm>
          <a:off x="6873240" y="688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8065</xdr:rowOff>
    </xdr:from>
    <xdr:to>
      <xdr:col>45</xdr:col>
      <xdr:colOff>177800</xdr:colOff>
      <xdr:row>41</xdr:row>
      <xdr:rowOff>58445</xdr:rowOff>
    </xdr:to>
    <xdr:cxnSp macro="">
      <xdr:nvCxnSpPr>
        <xdr:cNvPr id="137" name="直線コネクタ 136"/>
        <xdr:cNvCxnSpPr/>
      </xdr:nvCxnSpPr>
      <xdr:spPr>
        <a:xfrm>
          <a:off x="6924040" y="6931305"/>
          <a:ext cx="789940" cy="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417</xdr:rowOff>
    </xdr:from>
    <xdr:to>
      <xdr:col>36</xdr:col>
      <xdr:colOff>165100</xdr:colOff>
      <xdr:row>41</xdr:row>
      <xdr:rowOff>109017</xdr:rowOff>
    </xdr:to>
    <xdr:sp macro="" textlink="">
      <xdr:nvSpPr>
        <xdr:cNvPr id="138" name="楕円 137"/>
        <xdr:cNvSpPr/>
      </xdr:nvSpPr>
      <xdr:spPr>
        <a:xfrm>
          <a:off x="6098540" y="6880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8065</xdr:rowOff>
    </xdr:from>
    <xdr:to>
      <xdr:col>41</xdr:col>
      <xdr:colOff>50800</xdr:colOff>
      <xdr:row>41</xdr:row>
      <xdr:rowOff>58217</xdr:rowOff>
    </xdr:to>
    <xdr:cxnSp macro="">
      <xdr:nvCxnSpPr>
        <xdr:cNvPr id="139" name="直線コネクタ 138"/>
        <xdr:cNvCxnSpPr/>
      </xdr:nvCxnSpPr>
      <xdr:spPr>
        <a:xfrm flipV="1">
          <a:off x="6149340" y="6931305"/>
          <a:ext cx="7747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3253</xdr:rowOff>
    </xdr:from>
    <xdr:ext cx="469744" cy="259045"/>
    <xdr:sp macro="" textlink="">
      <xdr:nvSpPr>
        <xdr:cNvPr id="140" name="n_1aveValue【道路】&#10;一人当たり延長"/>
        <xdr:cNvSpPr txBox="1"/>
      </xdr:nvSpPr>
      <xdr:spPr>
        <a:xfrm>
          <a:off x="8271587" y="6453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99941</xdr:rowOff>
    </xdr:from>
    <xdr:ext cx="469744" cy="259045"/>
    <xdr:sp macro="" textlink="">
      <xdr:nvSpPr>
        <xdr:cNvPr id="141" name="n_2aveValue【道路】&#10;一人当たり延長"/>
        <xdr:cNvSpPr txBox="1"/>
      </xdr:nvSpPr>
      <xdr:spPr>
        <a:xfrm>
          <a:off x="7509587" y="647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4282</xdr:rowOff>
    </xdr:from>
    <xdr:ext cx="469744" cy="259045"/>
    <xdr:sp macro="" textlink="">
      <xdr:nvSpPr>
        <xdr:cNvPr id="142" name="n_3aveValue【道路】&#10;一人当たり延長"/>
        <xdr:cNvSpPr txBox="1"/>
      </xdr:nvSpPr>
      <xdr:spPr>
        <a:xfrm>
          <a:off x="6712027" y="6454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2376</xdr:rowOff>
    </xdr:from>
    <xdr:ext cx="469744" cy="259045"/>
    <xdr:sp macro="" textlink="">
      <xdr:nvSpPr>
        <xdr:cNvPr id="143" name="n_4aveValue【道路】&#10;一人当たり延長"/>
        <xdr:cNvSpPr txBox="1"/>
      </xdr:nvSpPr>
      <xdr:spPr>
        <a:xfrm>
          <a:off x="5937327" y="6452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00334</xdr:rowOff>
    </xdr:from>
    <xdr:ext cx="469744" cy="259045"/>
    <xdr:sp macro="" textlink="">
      <xdr:nvSpPr>
        <xdr:cNvPr id="144" name="n_1mainValue【道路】&#10;一人当たり延長"/>
        <xdr:cNvSpPr txBox="1"/>
      </xdr:nvSpPr>
      <xdr:spPr>
        <a:xfrm>
          <a:off x="8271587" y="6973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00372</xdr:rowOff>
    </xdr:from>
    <xdr:ext cx="469744" cy="259045"/>
    <xdr:sp macro="" textlink="">
      <xdr:nvSpPr>
        <xdr:cNvPr id="145" name="n_2mainValue【道路】&#10;一人当たり延長"/>
        <xdr:cNvSpPr txBox="1"/>
      </xdr:nvSpPr>
      <xdr:spPr>
        <a:xfrm>
          <a:off x="7509587" y="6973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99992</xdr:rowOff>
    </xdr:from>
    <xdr:ext cx="469744" cy="259045"/>
    <xdr:sp macro="" textlink="">
      <xdr:nvSpPr>
        <xdr:cNvPr id="146" name="n_3mainValue【道路】&#10;一人当たり延長"/>
        <xdr:cNvSpPr txBox="1"/>
      </xdr:nvSpPr>
      <xdr:spPr>
        <a:xfrm>
          <a:off x="6712027" y="6973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00144</xdr:rowOff>
    </xdr:from>
    <xdr:ext cx="469744" cy="259045"/>
    <xdr:sp macro="" textlink="">
      <xdr:nvSpPr>
        <xdr:cNvPr id="147" name="n_4mainValue【道路】&#10;一人当たり延長"/>
        <xdr:cNvSpPr txBox="1"/>
      </xdr:nvSpPr>
      <xdr:spPr>
        <a:xfrm>
          <a:off x="5937327" y="6973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0223</xdr:rowOff>
    </xdr:from>
    <xdr:to>
      <xdr:col>24</xdr:col>
      <xdr:colOff>62865</xdr:colOff>
      <xdr:row>64</xdr:row>
      <xdr:rowOff>128996</xdr:rowOff>
    </xdr:to>
    <xdr:cxnSp macro="">
      <xdr:nvCxnSpPr>
        <xdr:cNvPr id="173" name="直線コネクタ 172"/>
        <xdr:cNvCxnSpPr/>
      </xdr:nvCxnSpPr>
      <xdr:spPr>
        <a:xfrm flipV="1">
          <a:off x="4086225" y="9370423"/>
          <a:ext cx="0" cy="14875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405111" cy="259045"/>
    <xdr:sp macro="" textlink="">
      <xdr:nvSpPr>
        <xdr:cNvPr id="174" name="【橋りょう・トンネル】&#10;有形固定資産減価償却率最小値テキスト"/>
        <xdr:cNvSpPr txBox="1"/>
      </xdr:nvSpPr>
      <xdr:spPr>
        <a:xfrm>
          <a:off x="4124960" y="10861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75" name="直線コネクタ 174"/>
        <xdr:cNvCxnSpPr/>
      </xdr:nvCxnSpPr>
      <xdr:spPr>
        <a:xfrm>
          <a:off x="4020820" y="108579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6900</xdr:rowOff>
    </xdr:from>
    <xdr:ext cx="340478" cy="259045"/>
    <xdr:sp macro="" textlink="">
      <xdr:nvSpPr>
        <xdr:cNvPr id="176" name="【橋りょう・トンネル】&#10;有形固定資産減価償却率最大値テキスト"/>
        <xdr:cNvSpPr txBox="1"/>
      </xdr:nvSpPr>
      <xdr:spPr>
        <a:xfrm>
          <a:off x="4124960" y="91494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0223</xdr:rowOff>
    </xdr:from>
    <xdr:to>
      <xdr:col>24</xdr:col>
      <xdr:colOff>152400</xdr:colOff>
      <xdr:row>55</xdr:row>
      <xdr:rowOff>150223</xdr:rowOff>
    </xdr:to>
    <xdr:cxnSp macro="">
      <xdr:nvCxnSpPr>
        <xdr:cNvPr id="177" name="直線コネクタ 176"/>
        <xdr:cNvCxnSpPr/>
      </xdr:nvCxnSpPr>
      <xdr:spPr>
        <a:xfrm>
          <a:off x="4020820" y="937042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21937</xdr:rowOff>
    </xdr:from>
    <xdr:ext cx="405111" cy="259045"/>
    <xdr:sp macro="" textlink="">
      <xdr:nvSpPr>
        <xdr:cNvPr id="178" name="【橋りょう・トンネル】&#10;有形固定資産減価償却率平均値テキスト"/>
        <xdr:cNvSpPr txBox="1"/>
      </xdr:nvSpPr>
      <xdr:spPr>
        <a:xfrm>
          <a:off x="4124960" y="10180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43510</xdr:rowOff>
    </xdr:from>
    <xdr:to>
      <xdr:col>24</xdr:col>
      <xdr:colOff>114300</xdr:colOff>
      <xdr:row>61</xdr:row>
      <xdr:rowOff>73660</xdr:rowOff>
    </xdr:to>
    <xdr:sp macro="" textlink="">
      <xdr:nvSpPr>
        <xdr:cNvPr id="179" name="フローチャート: 判断 178"/>
        <xdr:cNvSpPr/>
      </xdr:nvSpPr>
      <xdr:spPr>
        <a:xfrm>
          <a:off x="4036060" y="102019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8612</xdr:rowOff>
    </xdr:from>
    <xdr:to>
      <xdr:col>20</xdr:col>
      <xdr:colOff>38100</xdr:colOff>
      <xdr:row>61</xdr:row>
      <xdr:rowOff>68762</xdr:rowOff>
    </xdr:to>
    <xdr:sp macro="" textlink="">
      <xdr:nvSpPr>
        <xdr:cNvPr id="180" name="フローチャート: 判断 179"/>
        <xdr:cNvSpPr/>
      </xdr:nvSpPr>
      <xdr:spPr>
        <a:xfrm>
          <a:off x="3312160" y="1019701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33713</xdr:rowOff>
    </xdr:from>
    <xdr:to>
      <xdr:col>15</xdr:col>
      <xdr:colOff>101600</xdr:colOff>
      <xdr:row>61</xdr:row>
      <xdr:rowOff>63863</xdr:rowOff>
    </xdr:to>
    <xdr:sp macro="" textlink="">
      <xdr:nvSpPr>
        <xdr:cNvPr id="181" name="フローチャート: 判断 180"/>
        <xdr:cNvSpPr/>
      </xdr:nvSpPr>
      <xdr:spPr>
        <a:xfrm>
          <a:off x="2514600" y="1019211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92891</xdr:rowOff>
    </xdr:from>
    <xdr:to>
      <xdr:col>10</xdr:col>
      <xdr:colOff>165100</xdr:colOff>
      <xdr:row>61</xdr:row>
      <xdr:rowOff>23041</xdr:rowOff>
    </xdr:to>
    <xdr:sp macro="" textlink="">
      <xdr:nvSpPr>
        <xdr:cNvPr id="182" name="フローチャート: 判断 181"/>
        <xdr:cNvSpPr/>
      </xdr:nvSpPr>
      <xdr:spPr>
        <a:xfrm>
          <a:off x="1739900" y="101512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70031</xdr:rowOff>
    </xdr:from>
    <xdr:to>
      <xdr:col>6</xdr:col>
      <xdr:colOff>38100</xdr:colOff>
      <xdr:row>61</xdr:row>
      <xdr:rowOff>181</xdr:rowOff>
    </xdr:to>
    <xdr:sp macro="" textlink="">
      <xdr:nvSpPr>
        <xdr:cNvPr id="183" name="フローチャート: 判断 182"/>
        <xdr:cNvSpPr/>
      </xdr:nvSpPr>
      <xdr:spPr>
        <a:xfrm>
          <a:off x="965200" y="1012843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3713</xdr:rowOff>
    </xdr:from>
    <xdr:to>
      <xdr:col>24</xdr:col>
      <xdr:colOff>114300</xdr:colOff>
      <xdr:row>61</xdr:row>
      <xdr:rowOff>63863</xdr:rowOff>
    </xdr:to>
    <xdr:sp macro="" textlink="">
      <xdr:nvSpPr>
        <xdr:cNvPr id="189" name="楕円 188"/>
        <xdr:cNvSpPr/>
      </xdr:nvSpPr>
      <xdr:spPr>
        <a:xfrm>
          <a:off x="4036060" y="1019211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56590</xdr:rowOff>
    </xdr:from>
    <xdr:ext cx="405111" cy="259045"/>
    <xdr:sp macro="" textlink="">
      <xdr:nvSpPr>
        <xdr:cNvPr id="190" name="【橋りょう・トンネル】&#10;有形固定資産減価償却率該当値テキスト"/>
        <xdr:cNvSpPr txBox="1"/>
      </xdr:nvSpPr>
      <xdr:spPr>
        <a:xfrm>
          <a:off x="4124960" y="100473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05954</xdr:rowOff>
    </xdr:from>
    <xdr:to>
      <xdr:col>20</xdr:col>
      <xdr:colOff>38100</xdr:colOff>
      <xdr:row>61</xdr:row>
      <xdr:rowOff>36104</xdr:rowOff>
    </xdr:to>
    <xdr:sp macro="" textlink="">
      <xdr:nvSpPr>
        <xdr:cNvPr id="191" name="楕円 190"/>
        <xdr:cNvSpPr/>
      </xdr:nvSpPr>
      <xdr:spPr>
        <a:xfrm>
          <a:off x="3312160" y="1016435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56754</xdr:rowOff>
    </xdr:from>
    <xdr:to>
      <xdr:col>24</xdr:col>
      <xdr:colOff>63500</xdr:colOff>
      <xdr:row>61</xdr:row>
      <xdr:rowOff>13063</xdr:rowOff>
    </xdr:to>
    <xdr:cxnSp macro="">
      <xdr:nvCxnSpPr>
        <xdr:cNvPr id="192" name="直線コネクタ 191"/>
        <xdr:cNvCxnSpPr/>
      </xdr:nvCxnSpPr>
      <xdr:spPr>
        <a:xfrm>
          <a:off x="3355340" y="10215154"/>
          <a:ext cx="731520" cy="23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74930</xdr:rowOff>
    </xdr:from>
    <xdr:to>
      <xdr:col>15</xdr:col>
      <xdr:colOff>101600</xdr:colOff>
      <xdr:row>61</xdr:row>
      <xdr:rowOff>5080</xdr:rowOff>
    </xdr:to>
    <xdr:sp macro="" textlink="">
      <xdr:nvSpPr>
        <xdr:cNvPr id="193" name="楕円 192"/>
        <xdr:cNvSpPr/>
      </xdr:nvSpPr>
      <xdr:spPr>
        <a:xfrm>
          <a:off x="2514600" y="101333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25730</xdr:rowOff>
    </xdr:from>
    <xdr:to>
      <xdr:col>19</xdr:col>
      <xdr:colOff>177800</xdr:colOff>
      <xdr:row>60</xdr:row>
      <xdr:rowOff>156754</xdr:rowOff>
    </xdr:to>
    <xdr:cxnSp macro="">
      <xdr:nvCxnSpPr>
        <xdr:cNvPr id="194" name="直線コネクタ 193"/>
        <xdr:cNvCxnSpPr/>
      </xdr:nvCxnSpPr>
      <xdr:spPr>
        <a:xfrm>
          <a:off x="2565400" y="10184130"/>
          <a:ext cx="78994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39007</xdr:rowOff>
    </xdr:from>
    <xdr:to>
      <xdr:col>10</xdr:col>
      <xdr:colOff>165100</xdr:colOff>
      <xdr:row>60</xdr:row>
      <xdr:rowOff>140607</xdr:rowOff>
    </xdr:to>
    <xdr:sp macro="" textlink="">
      <xdr:nvSpPr>
        <xdr:cNvPr id="195" name="楕円 194"/>
        <xdr:cNvSpPr/>
      </xdr:nvSpPr>
      <xdr:spPr>
        <a:xfrm>
          <a:off x="1739900" y="10097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89807</xdr:rowOff>
    </xdr:from>
    <xdr:to>
      <xdr:col>15</xdr:col>
      <xdr:colOff>50800</xdr:colOff>
      <xdr:row>60</xdr:row>
      <xdr:rowOff>125730</xdr:rowOff>
    </xdr:to>
    <xdr:cxnSp macro="">
      <xdr:nvCxnSpPr>
        <xdr:cNvPr id="196" name="直線コネクタ 195"/>
        <xdr:cNvCxnSpPr/>
      </xdr:nvCxnSpPr>
      <xdr:spPr>
        <a:xfrm>
          <a:off x="1790700" y="10148207"/>
          <a:ext cx="7747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451</xdr:rowOff>
    </xdr:from>
    <xdr:to>
      <xdr:col>6</xdr:col>
      <xdr:colOff>38100</xdr:colOff>
      <xdr:row>60</xdr:row>
      <xdr:rowOff>103051</xdr:rowOff>
    </xdr:to>
    <xdr:sp macro="" textlink="">
      <xdr:nvSpPr>
        <xdr:cNvPr id="197" name="楕円 196"/>
        <xdr:cNvSpPr/>
      </xdr:nvSpPr>
      <xdr:spPr>
        <a:xfrm>
          <a:off x="965200" y="1005985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52251</xdr:rowOff>
    </xdr:from>
    <xdr:to>
      <xdr:col>10</xdr:col>
      <xdr:colOff>114300</xdr:colOff>
      <xdr:row>60</xdr:row>
      <xdr:rowOff>89807</xdr:rowOff>
    </xdr:to>
    <xdr:cxnSp macro="">
      <xdr:nvCxnSpPr>
        <xdr:cNvPr id="198" name="直線コネクタ 197"/>
        <xdr:cNvCxnSpPr/>
      </xdr:nvCxnSpPr>
      <xdr:spPr>
        <a:xfrm>
          <a:off x="1008380" y="10110651"/>
          <a:ext cx="78232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59889</xdr:rowOff>
    </xdr:from>
    <xdr:ext cx="405111" cy="259045"/>
    <xdr:sp macro="" textlink="">
      <xdr:nvSpPr>
        <xdr:cNvPr id="199" name="n_1aveValue【橋りょう・トンネル】&#10;有形固定資産減価償却率"/>
        <xdr:cNvSpPr txBox="1"/>
      </xdr:nvSpPr>
      <xdr:spPr>
        <a:xfrm>
          <a:off x="3170564" y="10285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54990</xdr:rowOff>
    </xdr:from>
    <xdr:ext cx="405111" cy="259045"/>
    <xdr:sp macro="" textlink="">
      <xdr:nvSpPr>
        <xdr:cNvPr id="200" name="n_2aveValue【橋りょう・トンネル】&#10;有形固定資産減価償却率"/>
        <xdr:cNvSpPr txBox="1"/>
      </xdr:nvSpPr>
      <xdr:spPr>
        <a:xfrm>
          <a:off x="2385704" y="10281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4168</xdr:rowOff>
    </xdr:from>
    <xdr:ext cx="405111" cy="259045"/>
    <xdr:sp macro="" textlink="">
      <xdr:nvSpPr>
        <xdr:cNvPr id="201" name="n_3aveValue【橋りょう・トンネル】&#10;有形固定資産減価償却率"/>
        <xdr:cNvSpPr txBox="1"/>
      </xdr:nvSpPr>
      <xdr:spPr>
        <a:xfrm>
          <a:off x="1611004" y="102402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62758</xdr:rowOff>
    </xdr:from>
    <xdr:ext cx="405111" cy="259045"/>
    <xdr:sp macro="" textlink="">
      <xdr:nvSpPr>
        <xdr:cNvPr id="202" name="n_4aveValue【橋りょう・トンネル】&#10;有形固定資産減価償却率"/>
        <xdr:cNvSpPr txBox="1"/>
      </xdr:nvSpPr>
      <xdr:spPr>
        <a:xfrm>
          <a:off x="836304" y="1022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52631</xdr:rowOff>
    </xdr:from>
    <xdr:ext cx="405111" cy="259045"/>
    <xdr:sp macro="" textlink="">
      <xdr:nvSpPr>
        <xdr:cNvPr id="203" name="n_1mainValue【橋りょう・トンネル】&#10;有形固定資産減価償却率"/>
        <xdr:cNvSpPr txBox="1"/>
      </xdr:nvSpPr>
      <xdr:spPr>
        <a:xfrm>
          <a:off x="3170564" y="9943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21607</xdr:rowOff>
    </xdr:from>
    <xdr:ext cx="405111" cy="259045"/>
    <xdr:sp macro="" textlink="">
      <xdr:nvSpPr>
        <xdr:cNvPr id="204" name="n_2mainValue【橋りょう・トンネル】&#10;有形固定資産減価償却率"/>
        <xdr:cNvSpPr txBox="1"/>
      </xdr:nvSpPr>
      <xdr:spPr>
        <a:xfrm>
          <a:off x="2385704" y="991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57134</xdr:rowOff>
    </xdr:from>
    <xdr:ext cx="405111" cy="259045"/>
    <xdr:sp macro="" textlink="">
      <xdr:nvSpPr>
        <xdr:cNvPr id="205" name="n_3mainValue【橋りょう・トンネル】&#10;有形固定資産減価償却率"/>
        <xdr:cNvSpPr txBox="1"/>
      </xdr:nvSpPr>
      <xdr:spPr>
        <a:xfrm>
          <a:off x="1611004" y="9880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19578</xdr:rowOff>
    </xdr:from>
    <xdr:ext cx="405111" cy="259045"/>
    <xdr:sp macro="" textlink="">
      <xdr:nvSpPr>
        <xdr:cNvPr id="206" name="n_4mainValue【橋りょう・トンネル】&#10;有形固定資産減価償却率"/>
        <xdr:cNvSpPr txBox="1"/>
      </xdr:nvSpPr>
      <xdr:spPr>
        <a:xfrm>
          <a:off x="836304" y="98426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xdr:cNvSpPr txBox="1"/>
      </xdr:nvSpPr>
      <xdr:spPr>
        <a:xfrm>
          <a:off x="5299921" y="1029336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xdr:cNvSpPr txBox="1"/>
      </xdr:nvSpPr>
      <xdr:spPr>
        <a:xfrm>
          <a:off x="5209768" y="917703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519</xdr:rowOff>
    </xdr:from>
    <xdr:to>
      <xdr:col>54</xdr:col>
      <xdr:colOff>189865</xdr:colOff>
      <xdr:row>64</xdr:row>
      <xdr:rowOff>74783</xdr:rowOff>
    </xdr:to>
    <xdr:cxnSp macro="">
      <xdr:nvCxnSpPr>
        <xdr:cNvPr id="230" name="直線コネクタ 229"/>
        <xdr:cNvCxnSpPr/>
      </xdr:nvCxnSpPr>
      <xdr:spPr>
        <a:xfrm flipV="1">
          <a:off x="9219565" y="9401359"/>
          <a:ext cx="0" cy="1402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610</xdr:rowOff>
    </xdr:from>
    <xdr:ext cx="469744" cy="259045"/>
    <xdr:sp macro="" textlink="">
      <xdr:nvSpPr>
        <xdr:cNvPr id="231" name="【橋りょう・トンネル】&#10;一人当たり有形固定資産（償却資産）額最小値テキスト"/>
        <xdr:cNvSpPr txBox="1"/>
      </xdr:nvSpPr>
      <xdr:spPr>
        <a:xfrm>
          <a:off x="9258300" y="10807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783</xdr:rowOff>
    </xdr:from>
    <xdr:to>
      <xdr:col>55</xdr:col>
      <xdr:colOff>88900</xdr:colOff>
      <xdr:row>64</xdr:row>
      <xdr:rowOff>74783</xdr:rowOff>
    </xdr:to>
    <xdr:cxnSp macro="">
      <xdr:nvCxnSpPr>
        <xdr:cNvPr id="232" name="直線コネクタ 231"/>
        <xdr:cNvCxnSpPr/>
      </xdr:nvCxnSpPr>
      <xdr:spPr>
        <a:xfrm>
          <a:off x="9154160" y="108037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1646</xdr:rowOff>
    </xdr:from>
    <xdr:ext cx="690189" cy="259045"/>
    <xdr:sp macro="" textlink="">
      <xdr:nvSpPr>
        <xdr:cNvPr id="233" name="【橋りょう・トンネル】&#10;一人当たり有形固定資産（償却資産）額最大値テキスト"/>
        <xdr:cNvSpPr txBox="1"/>
      </xdr:nvSpPr>
      <xdr:spPr>
        <a:xfrm>
          <a:off x="9258300" y="918420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519</xdr:rowOff>
    </xdr:from>
    <xdr:to>
      <xdr:col>55</xdr:col>
      <xdr:colOff>88900</xdr:colOff>
      <xdr:row>56</xdr:row>
      <xdr:rowOff>13519</xdr:rowOff>
    </xdr:to>
    <xdr:cxnSp macro="">
      <xdr:nvCxnSpPr>
        <xdr:cNvPr id="234" name="直線コネクタ 233"/>
        <xdr:cNvCxnSpPr/>
      </xdr:nvCxnSpPr>
      <xdr:spPr>
        <a:xfrm>
          <a:off x="9154160" y="94013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2454</xdr:rowOff>
    </xdr:from>
    <xdr:ext cx="599010" cy="259045"/>
    <xdr:sp macro="" textlink="">
      <xdr:nvSpPr>
        <xdr:cNvPr id="235" name="【橋りょう・トンネル】&#10;一人当たり有形固定資産（償却資産）額平均値テキスト"/>
        <xdr:cNvSpPr txBox="1"/>
      </xdr:nvSpPr>
      <xdr:spPr>
        <a:xfrm>
          <a:off x="9258300" y="1040613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1027</xdr:rowOff>
    </xdr:from>
    <xdr:to>
      <xdr:col>55</xdr:col>
      <xdr:colOff>50800</xdr:colOff>
      <xdr:row>63</xdr:row>
      <xdr:rowOff>91177</xdr:rowOff>
    </xdr:to>
    <xdr:sp macro="" textlink="">
      <xdr:nvSpPr>
        <xdr:cNvPr id="236" name="フローチャート: 判断 235"/>
        <xdr:cNvSpPr/>
      </xdr:nvSpPr>
      <xdr:spPr>
        <a:xfrm>
          <a:off x="9192260" y="1055470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65702</xdr:rowOff>
    </xdr:from>
    <xdr:to>
      <xdr:col>50</xdr:col>
      <xdr:colOff>165100</xdr:colOff>
      <xdr:row>63</xdr:row>
      <xdr:rowOff>95852</xdr:rowOff>
    </xdr:to>
    <xdr:sp macro="" textlink="">
      <xdr:nvSpPr>
        <xdr:cNvPr id="237" name="フローチャート: 判断 236"/>
        <xdr:cNvSpPr/>
      </xdr:nvSpPr>
      <xdr:spPr>
        <a:xfrm>
          <a:off x="8445500" y="105593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60336</xdr:rowOff>
    </xdr:from>
    <xdr:to>
      <xdr:col>46</xdr:col>
      <xdr:colOff>38100</xdr:colOff>
      <xdr:row>63</xdr:row>
      <xdr:rowOff>90486</xdr:rowOff>
    </xdr:to>
    <xdr:sp macro="" textlink="">
      <xdr:nvSpPr>
        <xdr:cNvPr id="238" name="フローチャート: 判断 237"/>
        <xdr:cNvSpPr/>
      </xdr:nvSpPr>
      <xdr:spPr>
        <a:xfrm>
          <a:off x="7670800" y="1055401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09991</xdr:rowOff>
    </xdr:from>
    <xdr:to>
      <xdr:col>41</xdr:col>
      <xdr:colOff>101600</xdr:colOff>
      <xdr:row>63</xdr:row>
      <xdr:rowOff>40141</xdr:rowOff>
    </xdr:to>
    <xdr:sp macro="" textlink="">
      <xdr:nvSpPr>
        <xdr:cNvPr id="239" name="フローチャート: 判断 238"/>
        <xdr:cNvSpPr/>
      </xdr:nvSpPr>
      <xdr:spPr>
        <a:xfrm>
          <a:off x="6873240" y="1050367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4426</xdr:rowOff>
    </xdr:from>
    <xdr:to>
      <xdr:col>36</xdr:col>
      <xdr:colOff>165100</xdr:colOff>
      <xdr:row>63</xdr:row>
      <xdr:rowOff>54576</xdr:rowOff>
    </xdr:to>
    <xdr:sp macro="" textlink="">
      <xdr:nvSpPr>
        <xdr:cNvPr id="240" name="フローチャート: 判断 239"/>
        <xdr:cNvSpPr/>
      </xdr:nvSpPr>
      <xdr:spPr>
        <a:xfrm>
          <a:off x="6098540" y="105181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20569</xdr:rowOff>
    </xdr:from>
    <xdr:to>
      <xdr:col>55</xdr:col>
      <xdr:colOff>50800</xdr:colOff>
      <xdr:row>64</xdr:row>
      <xdr:rowOff>50719</xdr:rowOff>
    </xdr:to>
    <xdr:sp macro="" textlink="">
      <xdr:nvSpPr>
        <xdr:cNvPr id="246" name="楕円 245"/>
        <xdr:cNvSpPr/>
      </xdr:nvSpPr>
      <xdr:spPr>
        <a:xfrm>
          <a:off x="9192260" y="1068188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5496</xdr:rowOff>
    </xdr:from>
    <xdr:ext cx="534377" cy="259045"/>
    <xdr:sp macro="" textlink="">
      <xdr:nvSpPr>
        <xdr:cNvPr id="247" name="【橋りょう・トンネル】&#10;一人当たり有形固定資産（償却資産）額該当値テキスト"/>
        <xdr:cNvSpPr txBox="1"/>
      </xdr:nvSpPr>
      <xdr:spPr>
        <a:xfrm>
          <a:off x="9258300" y="10596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21252</xdr:rowOff>
    </xdr:from>
    <xdr:to>
      <xdr:col>50</xdr:col>
      <xdr:colOff>165100</xdr:colOff>
      <xdr:row>64</xdr:row>
      <xdr:rowOff>51402</xdr:rowOff>
    </xdr:to>
    <xdr:sp macro="" textlink="">
      <xdr:nvSpPr>
        <xdr:cNvPr id="248" name="楕円 247"/>
        <xdr:cNvSpPr/>
      </xdr:nvSpPr>
      <xdr:spPr>
        <a:xfrm>
          <a:off x="8445500" y="106825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71369</xdr:rowOff>
    </xdr:from>
    <xdr:to>
      <xdr:col>55</xdr:col>
      <xdr:colOff>0</xdr:colOff>
      <xdr:row>64</xdr:row>
      <xdr:rowOff>602</xdr:rowOff>
    </xdr:to>
    <xdr:cxnSp macro="">
      <xdr:nvCxnSpPr>
        <xdr:cNvPr id="249" name="直線コネクタ 248"/>
        <xdr:cNvCxnSpPr/>
      </xdr:nvCxnSpPr>
      <xdr:spPr>
        <a:xfrm flipV="1">
          <a:off x="8496300" y="10732689"/>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21507</xdr:rowOff>
    </xdr:from>
    <xdr:to>
      <xdr:col>46</xdr:col>
      <xdr:colOff>38100</xdr:colOff>
      <xdr:row>64</xdr:row>
      <xdr:rowOff>51657</xdr:rowOff>
    </xdr:to>
    <xdr:sp macro="" textlink="">
      <xdr:nvSpPr>
        <xdr:cNvPr id="250" name="楕円 249"/>
        <xdr:cNvSpPr/>
      </xdr:nvSpPr>
      <xdr:spPr>
        <a:xfrm>
          <a:off x="7670800" y="1068282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02</xdr:rowOff>
    </xdr:from>
    <xdr:to>
      <xdr:col>50</xdr:col>
      <xdr:colOff>114300</xdr:colOff>
      <xdr:row>64</xdr:row>
      <xdr:rowOff>857</xdr:rowOff>
    </xdr:to>
    <xdr:cxnSp macro="">
      <xdr:nvCxnSpPr>
        <xdr:cNvPr id="251" name="直線コネクタ 250"/>
        <xdr:cNvCxnSpPr/>
      </xdr:nvCxnSpPr>
      <xdr:spPr>
        <a:xfrm flipV="1">
          <a:off x="7713980" y="10729562"/>
          <a:ext cx="782320" cy="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21139</xdr:rowOff>
    </xdr:from>
    <xdr:to>
      <xdr:col>41</xdr:col>
      <xdr:colOff>101600</xdr:colOff>
      <xdr:row>64</xdr:row>
      <xdr:rowOff>51289</xdr:rowOff>
    </xdr:to>
    <xdr:sp macro="" textlink="">
      <xdr:nvSpPr>
        <xdr:cNvPr id="252" name="楕円 251"/>
        <xdr:cNvSpPr/>
      </xdr:nvSpPr>
      <xdr:spPr>
        <a:xfrm>
          <a:off x="6873240" y="1068245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489</xdr:rowOff>
    </xdr:from>
    <xdr:to>
      <xdr:col>45</xdr:col>
      <xdr:colOff>177800</xdr:colOff>
      <xdr:row>64</xdr:row>
      <xdr:rowOff>857</xdr:rowOff>
    </xdr:to>
    <xdr:cxnSp macro="">
      <xdr:nvCxnSpPr>
        <xdr:cNvPr id="253" name="直線コネクタ 252"/>
        <xdr:cNvCxnSpPr/>
      </xdr:nvCxnSpPr>
      <xdr:spPr>
        <a:xfrm>
          <a:off x="6924040" y="10729449"/>
          <a:ext cx="789940" cy="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20972</xdr:rowOff>
    </xdr:from>
    <xdr:to>
      <xdr:col>36</xdr:col>
      <xdr:colOff>165100</xdr:colOff>
      <xdr:row>64</xdr:row>
      <xdr:rowOff>51122</xdr:rowOff>
    </xdr:to>
    <xdr:sp macro="" textlink="">
      <xdr:nvSpPr>
        <xdr:cNvPr id="254" name="楕円 253"/>
        <xdr:cNvSpPr/>
      </xdr:nvSpPr>
      <xdr:spPr>
        <a:xfrm>
          <a:off x="6098540" y="106822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322</xdr:rowOff>
    </xdr:from>
    <xdr:to>
      <xdr:col>41</xdr:col>
      <xdr:colOff>50800</xdr:colOff>
      <xdr:row>64</xdr:row>
      <xdr:rowOff>489</xdr:rowOff>
    </xdr:to>
    <xdr:cxnSp macro="">
      <xdr:nvCxnSpPr>
        <xdr:cNvPr id="255" name="直線コネクタ 254"/>
        <xdr:cNvCxnSpPr/>
      </xdr:nvCxnSpPr>
      <xdr:spPr>
        <a:xfrm>
          <a:off x="6149340" y="10729282"/>
          <a:ext cx="774700" cy="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12379</xdr:rowOff>
    </xdr:from>
    <xdr:ext cx="599010" cy="259045"/>
    <xdr:sp macro="" textlink="">
      <xdr:nvSpPr>
        <xdr:cNvPr id="256" name="n_1aveValue【橋りょう・トンネル】&#10;一人当たり有形固定資産（償却資産）額"/>
        <xdr:cNvSpPr txBox="1"/>
      </xdr:nvSpPr>
      <xdr:spPr>
        <a:xfrm>
          <a:off x="8214575" y="10338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07013</xdr:rowOff>
    </xdr:from>
    <xdr:ext cx="599010" cy="259045"/>
    <xdr:sp macro="" textlink="">
      <xdr:nvSpPr>
        <xdr:cNvPr id="257" name="n_2aveValue【橋りょう・トンネル】&#10;一人当たり有形固定資産（償却資産）額"/>
        <xdr:cNvSpPr txBox="1"/>
      </xdr:nvSpPr>
      <xdr:spPr>
        <a:xfrm>
          <a:off x="7444955" y="10333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56668</xdr:rowOff>
    </xdr:from>
    <xdr:ext cx="599010" cy="259045"/>
    <xdr:sp macro="" textlink="">
      <xdr:nvSpPr>
        <xdr:cNvPr id="258" name="n_3aveValue【橋りょう・トンネル】&#10;一人当たり有形固定資産（償却資産）額"/>
        <xdr:cNvSpPr txBox="1"/>
      </xdr:nvSpPr>
      <xdr:spPr>
        <a:xfrm>
          <a:off x="6670255" y="10282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71103</xdr:rowOff>
    </xdr:from>
    <xdr:ext cx="599010" cy="259045"/>
    <xdr:sp macro="" textlink="">
      <xdr:nvSpPr>
        <xdr:cNvPr id="259" name="n_4aveValue【橋りょう・トンネル】&#10;一人当たり有形固定資産（償却資産）額"/>
        <xdr:cNvSpPr txBox="1"/>
      </xdr:nvSpPr>
      <xdr:spPr>
        <a:xfrm>
          <a:off x="5872695" y="10297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42529</xdr:rowOff>
    </xdr:from>
    <xdr:ext cx="534377" cy="259045"/>
    <xdr:sp macro="" textlink="">
      <xdr:nvSpPr>
        <xdr:cNvPr id="260" name="n_1mainValue【橋りょう・トンネル】&#10;一人当たり有形固定資産（償却資産）額"/>
        <xdr:cNvSpPr txBox="1"/>
      </xdr:nvSpPr>
      <xdr:spPr>
        <a:xfrm>
          <a:off x="8239271" y="10771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42784</xdr:rowOff>
    </xdr:from>
    <xdr:ext cx="534377" cy="259045"/>
    <xdr:sp macro="" textlink="">
      <xdr:nvSpPr>
        <xdr:cNvPr id="261" name="n_2mainValue【橋りょう・トンネル】&#10;一人当たり有形固定資産（償却資産）額"/>
        <xdr:cNvSpPr txBox="1"/>
      </xdr:nvSpPr>
      <xdr:spPr>
        <a:xfrm>
          <a:off x="7477271" y="10771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42416</xdr:rowOff>
    </xdr:from>
    <xdr:ext cx="534377" cy="259045"/>
    <xdr:sp macro="" textlink="">
      <xdr:nvSpPr>
        <xdr:cNvPr id="262" name="n_3mainValue【橋りょう・トンネル】&#10;一人当たり有形固定資産（償却資産）額"/>
        <xdr:cNvSpPr txBox="1"/>
      </xdr:nvSpPr>
      <xdr:spPr>
        <a:xfrm>
          <a:off x="6702571" y="10771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42249</xdr:rowOff>
    </xdr:from>
    <xdr:ext cx="534377" cy="259045"/>
    <xdr:sp macro="" textlink="">
      <xdr:nvSpPr>
        <xdr:cNvPr id="263" name="n_4mainValue【橋りょう・トンネル】&#10;一人当たり有形固定資産（償却資産）額"/>
        <xdr:cNvSpPr txBox="1"/>
      </xdr:nvSpPr>
      <xdr:spPr>
        <a:xfrm>
          <a:off x="5905011" y="10771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2" name="正方形/長方形 271"/>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3" name="正方形/長方形 272"/>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4" name="正方形/長方形 273"/>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5" name="正方形/長方形 274"/>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6" name="正方形/長方形 275"/>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7" name="正方形/長方形 276"/>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8" name="正方形/長方形 277"/>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9" name="正方形/長方形 278"/>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0" name="正方形/長方形 279"/>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1" name="正方形/長方形 280"/>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2" name="正方形/長方形 281"/>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3" name="正方形/長方形 282"/>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4" name="正方形/長方形 283"/>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5" name="正方形/長方形 284"/>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6" name="正方形/長方形 285"/>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7" name="正方形/長方形 286"/>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8" name="正方形/長方形 287"/>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9" name="正方形/長方形 288"/>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0" name="正方形/長方形 289"/>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1" name="正方形/長方形 290"/>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2" name="正方形/長方形 291"/>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3" name="正方形/長方形 292"/>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4" name="正方形/長方形 293"/>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5" name="正方形/長方形 294"/>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6" name="正方形/長方形 295"/>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7" name="正方形/長方形 296"/>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8" name="正方形/長方形 297"/>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9" name="正方形/長方形 298"/>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00" name="正方形/長方形 299"/>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1" name="正方形/長方形 300"/>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2" name="正方形/長方形 301"/>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3" name="正方形/長方形 302"/>
        <xdr:cNvSpPr/>
      </xdr:nvSpPr>
      <xdr:spPr>
        <a:xfrm>
          <a:off x="10960100" y="521589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04" name="正方形/長方形 303"/>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05" name="正方形/長方形 304"/>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06" name="正方形/長方形 305"/>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07" name="正方形/長方形 306"/>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08" name="正方形/長方形 307"/>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09" name="正方形/長方形 308"/>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10" name="正方形/長方形 309"/>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11" name="正方形/長方形 310"/>
        <xdr:cNvSpPr/>
      </xdr:nvSpPr>
      <xdr:spPr>
        <a:xfrm>
          <a:off x="16093440" y="521589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12" name="正方形/長方形 311"/>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13" name="正方形/長方形 312"/>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14" name="正方形/長方形 313"/>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15" name="正方形/長方形 314"/>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16" name="正方形/長方形 315"/>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17" name="正方形/長方形 316"/>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18" name="正方形/長方形 317"/>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19" name="正方形/長方形 318"/>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20" name="テキスト ボックス 319"/>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21" name="直線コネクタ 320"/>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22" name="テキスト ボックス 321"/>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323" name="直線コネクタ 322"/>
        <xdr:cNvCxnSpPr/>
      </xdr:nvCxnSpPr>
      <xdr:spPr>
        <a:xfrm>
          <a:off x="10960100" y="10728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324" name="テキスト ボックス 323"/>
        <xdr:cNvSpPr txBox="1"/>
      </xdr:nvSpPr>
      <xdr:spPr>
        <a:xfrm>
          <a:off x="10561501" y="10590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325" name="直線コネクタ 324"/>
        <xdr:cNvCxnSpPr/>
      </xdr:nvCxnSpPr>
      <xdr:spPr>
        <a:xfrm>
          <a:off x="10960100" y="102831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326" name="テキスト ボックス 325"/>
        <xdr:cNvSpPr txBox="1"/>
      </xdr:nvSpPr>
      <xdr:spPr>
        <a:xfrm>
          <a:off x="1060276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327" name="直線コネクタ 326"/>
        <xdr:cNvCxnSpPr/>
      </xdr:nvCxnSpPr>
      <xdr:spPr>
        <a:xfrm>
          <a:off x="10960100" y="98374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328" name="テキスト ボックス 327"/>
        <xdr:cNvSpPr txBox="1"/>
      </xdr:nvSpPr>
      <xdr:spPr>
        <a:xfrm>
          <a:off x="10602761" y="96990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329" name="直線コネクタ 328"/>
        <xdr:cNvCxnSpPr/>
      </xdr:nvCxnSpPr>
      <xdr:spPr>
        <a:xfrm>
          <a:off x="10960100" y="93878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330" name="テキスト ボックス 329"/>
        <xdr:cNvSpPr txBox="1"/>
      </xdr:nvSpPr>
      <xdr:spPr>
        <a:xfrm>
          <a:off x="10602761" y="9249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31" name="直線コネクタ 330"/>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332" name="テキスト ボックス 331"/>
        <xdr:cNvSpPr txBox="1"/>
      </xdr:nvSpPr>
      <xdr:spPr>
        <a:xfrm>
          <a:off x="1060276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33"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866</xdr:rowOff>
    </xdr:from>
    <xdr:to>
      <xdr:col>85</xdr:col>
      <xdr:colOff>126364</xdr:colOff>
      <xdr:row>62</xdr:row>
      <xdr:rowOff>125730</xdr:rowOff>
    </xdr:to>
    <xdr:cxnSp macro="">
      <xdr:nvCxnSpPr>
        <xdr:cNvPr id="334" name="直線コネクタ 333"/>
        <xdr:cNvCxnSpPr/>
      </xdr:nvCxnSpPr>
      <xdr:spPr>
        <a:xfrm flipV="1">
          <a:off x="14375764" y="9291066"/>
          <a:ext cx="0" cy="12283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29557</xdr:rowOff>
    </xdr:from>
    <xdr:ext cx="405111" cy="259045"/>
    <xdr:sp macro="" textlink="">
      <xdr:nvSpPr>
        <xdr:cNvPr id="335" name="【学校施設】&#10;有形固定資産減価償却率最小値テキスト"/>
        <xdr:cNvSpPr txBox="1"/>
      </xdr:nvSpPr>
      <xdr:spPr>
        <a:xfrm>
          <a:off x="14414500" y="1052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25730</xdr:rowOff>
    </xdr:from>
    <xdr:to>
      <xdr:col>86</xdr:col>
      <xdr:colOff>25400</xdr:colOff>
      <xdr:row>62</xdr:row>
      <xdr:rowOff>125730</xdr:rowOff>
    </xdr:to>
    <xdr:cxnSp macro="">
      <xdr:nvCxnSpPr>
        <xdr:cNvPr id="336" name="直線コネクタ 335"/>
        <xdr:cNvCxnSpPr/>
      </xdr:nvCxnSpPr>
      <xdr:spPr>
        <a:xfrm>
          <a:off x="14287500" y="105194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543</xdr:rowOff>
    </xdr:from>
    <xdr:ext cx="405111" cy="259045"/>
    <xdr:sp macro="" textlink="">
      <xdr:nvSpPr>
        <xdr:cNvPr id="337" name="【学校施設】&#10;有形固定資産減価償却率最大値テキスト"/>
        <xdr:cNvSpPr txBox="1"/>
      </xdr:nvSpPr>
      <xdr:spPr>
        <a:xfrm>
          <a:off x="14414500" y="9070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866</xdr:rowOff>
    </xdr:from>
    <xdr:to>
      <xdr:col>86</xdr:col>
      <xdr:colOff>25400</xdr:colOff>
      <xdr:row>55</xdr:row>
      <xdr:rowOff>70866</xdr:rowOff>
    </xdr:to>
    <xdr:cxnSp macro="">
      <xdr:nvCxnSpPr>
        <xdr:cNvPr id="338" name="直線コネクタ 337"/>
        <xdr:cNvCxnSpPr/>
      </xdr:nvCxnSpPr>
      <xdr:spPr>
        <a:xfrm>
          <a:off x="14287500" y="929106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42943</xdr:rowOff>
    </xdr:from>
    <xdr:ext cx="405111" cy="259045"/>
    <xdr:sp macro="" textlink="">
      <xdr:nvSpPr>
        <xdr:cNvPr id="339" name="【学校施設】&#10;有形固定資産減価償却率平均値テキスト"/>
        <xdr:cNvSpPr txBox="1"/>
      </xdr:nvSpPr>
      <xdr:spPr>
        <a:xfrm>
          <a:off x="14414500" y="97660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20066</xdr:rowOff>
    </xdr:from>
    <xdr:to>
      <xdr:col>85</xdr:col>
      <xdr:colOff>177800</xdr:colOff>
      <xdr:row>59</xdr:row>
      <xdr:rowOff>121666</xdr:rowOff>
    </xdr:to>
    <xdr:sp macro="" textlink="">
      <xdr:nvSpPr>
        <xdr:cNvPr id="340" name="フローチャート: 判断 339"/>
        <xdr:cNvSpPr/>
      </xdr:nvSpPr>
      <xdr:spPr>
        <a:xfrm>
          <a:off x="14325600" y="9910826"/>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57226</xdr:rowOff>
    </xdr:from>
    <xdr:to>
      <xdr:col>81</xdr:col>
      <xdr:colOff>101600</xdr:colOff>
      <xdr:row>59</xdr:row>
      <xdr:rowOff>87376</xdr:rowOff>
    </xdr:to>
    <xdr:sp macro="" textlink="">
      <xdr:nvSpPr>
        <xdr:cNvPr id="341" name="フローチャート: 判断 340"/>
        <xdr:cNvSpPr/>
      </xdr:nvSpPr>
      <xdr:spPr>
        <a:xfrm>
          <a:off x="13578840" y="98803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38938</xdr:rowOff>
    </xdr:from>
    <xdr:to>
      <xdr:col>76</xdr:col>
      <xdr:colOff>165100</xdr:colOff>
      <xdr:row>59</xdr:row>
      <xdr:rowOff>69088</xdr:rowOff>
    </xdr:to>
    <xdr:sp macro="" textlink="">
      <xdr:nvSpPr>
        <xdr:cNvPr id="342" name="フローチャート: 判断 341"/>
        <xdr:cNvSpPr/>
      </xdr:nvSpPr>
      <xdr:spPr>
        <a:xfrm>
          <a:off x="12804140" y="98620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20650</xdr:rowOff>
    </xdr:from>
    <xdr:to>
      <xdr:col>72</xdr:col>
      <xdr:colOff>38100</xdr:colOff>
      <xdr:row>59</xdr:row>
      <xdr:rowOff>50800</xdr:rowOff>
    </xdr:to>
    <xdr:sp macro="" textlink="">
      <xdr:nvSpPr>
        <xdr:cNvPr id="343" name="フローチャート: 判断 342"/>
        <xdr:cNvSpPr/>
      </xdr:nvSpPr>
      <xdr:spPr>
        <a:xfrm>
          <a:off x="12029440" y="98437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7508</xdr:rowOff>
    </xdr:from>
    <xdr:to>
      <xdr:col>67</xdr:col>
      <xdr:colOff>101600</xdr:colOff>
      <xdr:row>59</xdr:row>
      <xdr:rowOff>57658</xdr:rowOff>
    </xdr:to>
    <xdr:sp macro="" textlink="">
      <xdr:nvSpPr>
        <xdr:cNvPr id="344" name="フローチャート: 判断 343"/>
        <xdr:cNvSpPr/>
      </xdr:nvSpPr>
      <xdr:spPr>
        <a:xfrm>
          <a:off x="11231880" y="985062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45" name="テキスト ボックス 344"/>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46" name="テキスト ボックス 345"/>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47" name="テキスト ボックス 346"/>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48" name="テキスト ボックス 347"/>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49" name="テキスト ボックス 348"/>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65786</xdr:rowOff>
    </xdr:from>
    <xdr:to>
      <xdr:col>85</xdr:col>
      <xdr:colOff>177800</xdr:colOff>
      <xdr:row>61</xdr:row>
      <xdr:rowOff>167386</xdr:rowOff>
    </xdr:to>
    <xdr:sp macro="" textlink="">
      <xdr:nvSpPr>
        <xdr:cNvPr id="350" name="楕円 349"/>
        <xdr:cNvSpPr/>
      </xdr:nvSpPr>
      <xdr:spPr>
        <a:xfrm>
          <a:off x="14325600" y="10291826"/>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44213</xdr:rowOff>
    </xdr:from>
    <xdr:ext cx="405111" cy="259045"/>
    <xdr:sp macro="" textlink="">
      <xdr:nvSpPr>
        <xdr:cNvPr id="351" name="【学校施設】&#10;有形固定資産減価償却率該当値テキスト"/>
        <xdr:cNvSpPr txBox="1"/>
      </xdr:nvSpPr>
      <xdr:spPr>
        <a:xfrm>
          <a:off x="14414500" y="10270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22352</xdr:rowOff>
    </xdr:from>
    <xdr:to>
      <xdr:col>81</xdr:col>
      <xdr:colOff>101600</xdr:colOff>
      <xdr:row>61</xdr:row>
      <xdr:rowOff>123952</xdr:rowOff>
    </xdr:to>
    <xdr:sp macro="" textlink="">
      <xdr:nvSpPr>
        <xdr:cNvPr id="352" name="楕円 351"/>
        <xdr:cNvSpPr/>
      </xdr:nvSpPr>
      <xdr:spPr>
        <a:xfrm>
          <a:off x="13578840" y="10248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73152</xdr:rowOff>
    </xdr:from>
    <xdr:to>
      <xdr:col>85</xdr:col>
      <xdr:colOff>127000</xdr:colOff>
      <xdr:row>61</xdr:row>
      <xdr:rowOff>116586</xdr:rowOff>
    </xdr:to>
    <xdr:cxnSp macro="">
      <xdr:nvCxnSpPr>
        <xdr:cNvPr id="353" name="直線コネクタ 352"/>
        <xdr:cNvCxnSpPr/>
      </xdr:nvCxnSpPr>
      <xdr:spPr>
        <a:xfrm>
          <a:off x="13629640" y="10299192"/>
          <a:ext cx="74676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45796</xdr:rowOff>
    </xdr:from>
    <xdr:to>
      <xdr:col>76</xdr:col>
      <xdr:colOff>165100</xdr:colOff>
      <xdr:row>61</xdr:row>
      <xdr:rowOff>75946</xdr:rowOff>
    </xdr:to>
    <xdr:sp macro="" textlink="">
      <xdr:nvSpPr>
        <xdr:cNvPr id="354" name="楕円 353"/>
        <xdr:cNvSpPr/>
      </xdr:nvSpPr>
      <xdr:spPr>
        <a:xfrm>
          <a:off x="12804140" y="102041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25146</xdr:rowOff>
    </xdr:from>
    <xdr:to>
      <xdr:col>81</xdr:col>
      <xdr:colOff>50800</xdr:colOff>
      <xdr:row>61</xdr:row>
      <xdr:rowOff>73152</xdr:rowOff>
    </xdr:to>
    <xdr:cxnSp macro="">
      <xdr:nvCxnSpPr>
        <xdr:cNvPr id="355" name="直線コネクタ 354"/>
        <xdr:cNvCxnSpPr/>
      </xdr:nvCxnSpPr>
      <xdr:spPr>
        <a:xfrm>
          <a:off x="12854940" y="10251186"/>
          <a:ext cx="7747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04648</xdr:rowOff>
    </xdr:from>
    <xdr:to>
      <xdr:col>72</xdr:col>
      <xdr:colOff>38100</xdr:colOff>
      <xdr:row>61</xdr:row>
      <xdr:rowOff>34798</xdr:rowOff>
    </xdr:to>
    <xdr:sp macro="" textlink="">
      <xdr:nvSpPr>
        <xdr:cNvPr id="356" name="楕円 355"/>
        <xdr:cNvSpPr/>
      </xdr:nvSpPr>
      <xdr:spPr>
        <a:xfrm>
          <a:off x="12029440" y="1016304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55448</xdr:rowOff>
    </xdr:from>
    <xdr:to>
      <xdr:col>76</xdr:col>
      <xdr:colOff>114300</xdr:colOff>
      <xdr:row>61</xdr:row>
      <xdr:rowOff>25146</xdr:rowOff>
    </xdr:to>
    <xdr:cxnSp macro="">
      <xdr:nvCxnSpPr>
        <xdr:cNvPr id="357" name="直線コネクタ 356"/>
        <xdr:cNvCxnSpPr/>
      </xdr:nvCxnSpPr>
      <xdr:spPr>
        <a:xfrm>
          <a:off x="12072620" y="10213848"/>
          <a:ext cx="782320" cy="37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63500</xdr:rowOff>
    </xdr:from>
    <xdr:to>
      <xdr:col>67</xdr:col>
      <xdr:colOff>101600</xdr:colOff>
      <xdr:row>60</xdr:row>
      <xdr:rowOff>165100</xdr:rowOff>
    </xdr:to>
    <xdr:sp macro="" textlink="">
      <xdr:nvSpPr>
        <xdr:cNvPr id="358" name="楕円 357"/>
        <xdr:cNvSpPr/>
      </xdr:nvSpPr>
      <xdr:spPr>
        <a:xfrm>
          <a:off x="11231880" y="1012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14300</xdr:rowOff>
    </xdr:from>
    <xdr:to>
      <xdr:col>71</xdr:col>
      <xdr:colOff>177800</xdr:colOff>
      <xdr:row>60</xdr:row>
      <xdr:rowOff>155448</xdr:rowOff>
    </xdr:to>
    <xdr:cxnSp macro="">
      <xdr:nvCxnSpPr>
        <xdr:cNvPr id="359" name="直線コネクタ 358"/>
        <xdr:cNvCxnSpPr/>
      </xdr:nvCxnSpPr>
      <xdr:spPr>
        <a:xfrm>
          <a:off x="11282680" y="10172700"/>
          <a:ext cx="78994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03903</xdr:rowOff>
    </xdr:from>
    <xdr:ext cx="405111" cy="259045"/>
    <xdr:sp macro="" textlink="">
      <xdr:nvSpPr>
        <xdr:cNvPr id="360" name="n_1aveValue【学校施設】&#10;有形固定資産減価償却率"/>
        <xdr:cNvSpPr txBox="1"/>
      </xdr:nvSpPr>
      <xdr:spPr>
        <a:xfrm>
          <a:off x="13437244" y="96593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85615</xdr:rowOff>
    </xdr:from>
    <xdr:ext cx="405111" cy="259045"/>
    <xdr:sp macro="" textlink="">
      <xdr:nvSpPr>
        <xdr:cNvPr id="361" name="n_2aveValue【学校施設】&#10;有形固定資産減価償却率"/>
        <xdr:cNvSpPr txBox="1"/>
      </xdr:nvSpPr>
      <xdr:spPr>
        <a:xfrm>
          <a:off x="12675244" y="9641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67327</xdr:rowOff>
    </xdr:from>
    <xdr:ext cx="405111" cy="259045"/>
    <xdr:sp macro="" textlink="">
      <xdr:nvSpPr>
        <xdr:cNvPr id="362" name="n_3aveValue【学校施設】&#10;有形固定資産減価償却率"/>
        <xdr:cNvSpPr txBox="1"/>
      </xdr:nvSpPr>
      <xdr:spPr>
        <a:xfrm>
          <a:off x="11900544" y="9622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74185</xdr:rowOff>
    </xdr:from>
    <xdr:ext cx="405111" cy="259045"/>
    <xdr:sp macro="" textlink="">
      <xdr:nvSpPr>
        <xdr:cNvPr id="363" name="n_4aveValue【学校施設】&#10;有形固定資産減価償却率"/>
        <xdr:cNvSpPr txBox="1"/>
      </xdr:nvSpPr>
      <xdr:spPr>
        <a:xfrm>
          <a:off x="11102984" y="9629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15079</xdr:rowOff>
    </xdr:from>
    <xdr:ext cx="405111" cy="259045"/>
    <xdr:sp macro="" textlink="">
      <xdr:nvSpPr>
        <xdr:cNvPr id="364" name="n_1mainValue【学校施設】&#10;有形固定資産減価償却率"/>
        <xdr:cNvSpPr txBox="1"/>
      </xdr:nvSpPr>
      <xdr:spPr>
        <a:xfrm>
          <a:off x="13437244" y="10341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67073</xdr:rowOff>
    </xdr:from>
    <xdr:ext cx="405111" cy="259045"/>
    <xdr:sp macro="" textlink="">
      <xdr:nvSpPr>
        <xdr:cNvPr id="365" name="n_2mainValue【学校施設】&#10;有形固定資産減価償却率"/>
        <xdr:cNvSpPr txBox="1"/>
      </xdr:nvSpPr>
      <xdr:spPr>
        <a:xfrm>
          <a:off x="12675244" y="10293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25925</xdr:rowOff>
    </xdr:from>
    <xdr:ext cx="405111" cy="259045"/>
    <xdr:sp macro="" textlink="">
      <xdr:nvSpPr>
        <xdr:cNvPr id="366" name="n_3mainValue【学校施設】&#10;有形固定資産減価償却率"/>
        <xdr:cNvSpPr txBox="1"/>
      </xdr:nvSpPr>
      <xdr:spPr>
        <a:xfrm>
          <a:off x="11900544" y="102519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56227</xdr:rowOff>
    </xdr:from>
    <xdr:ext cx="405111" cy="259045"/>
    <xdr:sp macro="" textlink="">
      <xdr:nvSpPr>
        <xdr:cNvPr id="367" name="n_4mainValue【学校施設】&#10;有形固定資産減価償却率"/>
        <xdr:cNvSpPr txBox="1"/>
      </xdr:nvSpPr>
      <xdr:spPr>
        <a:xfrm>
          <a:off x="11102984" y="1021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68" name="正方形/長方形 367"/>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69" name="正方形/長方形 368"/>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70" name="正方形/長方形 369"/>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71" name="正方形/長方形 370"/>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72" name="正方形/長方形 371"/>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73" name="正方形/長方形 372"/>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74" name="正方形/長方形 373"/>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75" name="正方形/長方形 374"/>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76" name="テキスト ボックス 375"/>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77" name="直線コネクタ 376"/>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378" name="テキスト ボックス 377"/>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379" name="直線コネクタ 378"/>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380" name="テキスト ボックス 379"/>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381" name="直線コネクタ 380"/>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382" name="テキスト ボックス 381"/>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383" name="直線コネクタ 382"/>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384" name="テキスト ボックス 383"/>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385" name="直線コネクタ 384"/>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386" name="テキスト ボックス 385"/>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387" name="直線コネクタ 386"/>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388" name="テキスト ボックス 387"/>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389" name="直線コネクタ 388"/>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390" name="テキスト ボックス 389"/>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391"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7432</xdr:rowOff>
    </xdr:from>
    <xdr:to>
      <xdr:col>116</xdr:col>
      <xdr:colOff>62864</xdr:colOff>
      <xdr:row>64</xdr:row>
      <xdr:rowOff>143256</xdr:rowOff>
    </xdr:to>
    <xdr:cxnSp macro="">
      <xdr:nvCxnSpPr>
        <xdr:cNvPr id="392" name="直線コネクタ 391"/>
        <xdr:cNvCxnSpPr/>
      </xdr:nvCxnSpPr>
      <xdr:spPr>
        <a:xfrm flipV="1">
          <a:off x="19509104" y="9415272"/>
          <a:ext cx="0" cy="14569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7083</xdr:rowOff>
    </xdr:from>
    <xdr:ext cx="469744" cy="259045"/>
    <xdr:sp macro="" textlink="">
      <xdr:nvSpPr>
        <xdr:cNvPr id="393" name="【学校施設】&#10;一人当たり面積最小値テキスト"/>
        <xdr:cNvSpPr txBox="1"/>
      </xdr:nvSpPr>
      <xdr:spPr>
        <a:xfrm>
          <a:off x="19547840" y="10876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43256</xdr:rowOff>
    </xdr:from>
    <xdr:to>
      <xdr:col>116</xdr:col>
      <xdr:colOff>152400</xdr:colOff>
      <xdr:row>64</xdr:row>
      <xdr:rowOff>143256</xdr:rowOff>
    </xdr:to>
    <xdr:cxnSp macro="">
      <xdr:nvCxnSpPr>
        <xdr:cNvPr id="394" name="直線コネクタ 393"/>
        <xdr:cNvCxnSpPr/>
      </xdr:nvCxnSpPr>
      <xdr:spPr>
        <a:xfrm>
          <a:off x="19443700" y="1087221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45559</xdr:rowOff>
    </xdr:from>
    <xdr:ext cx="469744" cy="259045"/>
    <xdr:sp macro="" textlink="">
      <xdr:nvSpPr>
        <xdr:cNvPr id="395" name="【学校施設】&#10;一人当たり面積最大値テキスト"/>
        <xdr:cNvSpPr txBox="1"/>
      </xdr:nvSpPr>
      <xdr:spPr>
        <a:xfrm>
          <a:off x="19547840" y="9198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7432</xdr:rowOff>
    </xdr:from>
    <xdr:to>
      <xdr:col>116</xdr:col>
      <xdr:colOff>152400</xdr:colOff>
      <xdr:row>56</xdr:row>
      <xdr:rowOff>27432</xdr:rowOff>
    </xdr:to>
    <xdr:cxnSp macro="">
      <xdr:nvCxnSpPr>
        <xdr:cNvPr id="396" name="直線コネクタ 395"/>
        <xdr:cNvCxnSpPr/>
      </xdr:nvCxnSpPr>
      <xdr:spPr>
        <a:xfrm>
          <a:off x="19443700" y="94152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69435</xdr:rowOff>
    </xdr:from>
    <xdr:ext cx="469744" cy="259045"/>
    <xdr:sp macro="" textlink="">
      <xdr:nvSpPr>
        <xdr:cNvPr id="397" name="【学校施設】&#10;一人当たり面積平均値テキスト"/>
        <xdr:cNvSpPr txBox="1"/>
      </xdr:nvSpPr>
      <xdr:spPr>
        <a:xfrm>
          <a:off x="19547840" y="10227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46558</xdr:rowOff>
    </xdr:from>
    <xdr:to>
      <xdr:col>116</xdr:col>
      <xdr:colOff>114300</xdr:colOff>
      <xdr:row>62</xdr:row>
      <xdr:rowOff>76708</xdr:rowOff>
    </xdr:to>
    <xdr:sp macro="" textlink="">
      <xdr:nvSpPr>
        <xdr:cNvPr id="398" name="フローチャート: 判断 397"/>
        <xdr:cNvSpPr/>
      </xdr:nvSpPr>
      <xdr:spPr>
        <a:xfrm>
          <a:off x="19458940" y="1037259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8082</xdr:rowOff>
    </xdr:from>
    <xdr:to>
      <xdr:col>112</xdr:col>
      <xdr:colOff>38100</xdr:colOff>
      <xdr:row>62</xdr:row>
      <xdr:rowOff>78232</xdr:rowOff>
    </xdr:to>
    <xdr:sp macro="" textlink="">
      <xdr:nvSpPr>
        <xdr:cNvPr id="399" name="フローチャート: 判断 398"/>
        <xdr:cNvSpPr/>
      </xdr:nvSpPr>
      <xdr:spPr>
        <a:xfrm>
          <a:off x="18735040" y="1037412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64846</xdr:rowOff>
    </xdr:from>
    <xdr:to>
      <xdr:col>107</xdr:col>
      <xdr:colOff>101600</xdr:colOff>
      <xdr:row>62</xdr:row>
      <xdr:rowOff>94996</xdr:rowOff>
    </xdr:to>
    <xdr:sp macro="" textlink="">
      <xdr:nvSpPr>
        <xdr:cNvPr id="400" name="フローチャート: 判断 399"/>
        <xdr:cNvSpPr/>
      </xdr:nvSpPr>
      <xdr:spPr>
        <a:xfrm>
          <a:off x="17937480" y="103908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41986</xdr:rowOff>
    </xdr:from>
    <xdr:to>
      <xdr:col>102</xdr:col>
      <xdr:colOff>165100</xdr:colOff>
      <xdr:row>62</xdr:row>
      <xdr:rowOff>72136</xdr:rowOff>
    </xdr:to>
    <xdr:sp macro="" textlink="">
      <xdr:nvSpPr>
        <xdr:cNvPr id="401" name="フローチャート: 判断 400"/>
        <xdr:cNvSpPr/>
      </xdr:nvSpPr>
      <xdr:spPr>
        <a:xfrm>
          <a:off x="17162780" y="103680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58750</xdr:rowOff>
    </xdr:from>
    <xdr:to>
      <xdr:col>98</xdr:col>
      <xdr:colOff>38100</xdr:colOff>
      <xdr:row>62</xdr:row>
      <xdr:rowOff>88900</xdr:rowOff>
    </xdr:to>
    <xdr:sp macro="" textlink="">
      <xdr:nvSpPr>
        <xdr:cNvPr id="402" name="フローチャート: 判断 401"/>
        <xdr:cNvSpPr/>
      </xdr:nvSpPr>
      <xdr:spPr>
        <a:xfrm>
          <a:off x="16388080" y="103847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03" name="テキスト ボックス 402"/>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04" name="テキスト ボックス 403"/>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05" name="テキスト ボックス 404"/>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06" name="テキスト ボックス 405"/>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07" name="テキスト ボックス 406"/>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0556</xdr:rowOff>
    </xdr:from>
    <xdr:to>
      <xdr:col>116</xdr:col>
      <xdr:colOff>114300</xdr:colOff>
      <xdr:row>63</xdr:row>
      <xdr:rowOff>60706</xdr:rowOff>
    </xdr:to>
    <xdr:sp macro="" textlink="">
      <xdr:nvSpPr>
        <xdr:cNvPr id="408" name="楕円 407"/>
        <xdr:cNvSpPr/>
      </xdr:nvSpPr>
      <xdr:spPr>
        <a:xfrm>
          <a:off x="19458940" y="10524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08983</xdr:rowOff>
    </xdr:from>
    <xdr:ext cx="469744" cy="259045"/>
    <xdr:sp macro="" textlink="">
      <xdr:nvSpPr>
        <xdr:cNvPr id="409" name="【学校施設】&#10;一人当たり面積該当値テキスト"/>
        <xdr:cNvSpPr txBox="1"/>
      </xdr:nvSpPr>
      <xdr:spPr>
        <a:xfrm>
          <a:off x="19547840" y="1050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30556</xdr:rowOff>
    </xdr:from>
    <xdr:to>
      <xdr:col>112</xdr:col>
      <xdr:colOff>38100</xdr:colOff>
      <xdr:row>63</xdr:row>
      <xdr:rowOff>60706</xdr:rowOff>
    </xdr:to>
    <xdr:sp macro="" textlink="">
      <xdr:nvSpPr>
        <xdr:cNvPr id="410" name="楕円 409"/>
        <xdr:cNvSpPr/>
      </xdr:nvSpPr>
      <xdr:spPr>
        <a:xfrm>
          <a:off x="18735040" y="1052423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9906</xdr:rowOff>
    </xdr:from>
    <xdr:to>
      <xdr:col>116</xdr:col>
      <xdr:colOff>63500</xdr:colOff>
      <xdr:row>63</xdr:row>
      <xdr:rowOff>9906</xdr:rowOff>
    </xdr:to>
    <xdr:cxnSp macro="">
      <xdr:nvCxnSpPr>
        <xdr:cNvPr id="411" name="直線コネクタ 410"/>
        <xdr:cNvCxnSpPr/>
      </xdr:nvCxnSpPr>
      <xdr:spPr>
        <a:xfrm>
          <a:off x="18778220" y="10571226"/>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28270</xdr:rowOff>
    </xdr:from>
    <xdr:to>
      <xdr:col>107</xdr:col>
      <xdr:colOff>101600</xdr:colOff>
      <xdr:row>63</xdr:row>
      <xdr:rowOff>58420</xdr:rowOff>
    </xdr:to>
    <xdr:sp macro="" textlink="">
      <xdr:nvSpPr>
        <xdr:cNvPr id="412" name="楕円 411"/>
        <xdr:cNvSpPr/>
      </xdr:nvSpPr>
      <xdr:spPr>
        <a:xfrm>
          <a:off x="17937480" y="105219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620</xdr:rowOff>
    </xdr:from>
    <xdr:to>
      <xdr:col>111</xdr:col>
      <xdr:colOff>177800</xdr:colOff>
      <xdr:row>63</xdr:row>
      <xdr:rowOff>9906</xdr:rowOff>
    </xdr:to>
    <xdr:cxnSp macro="">
      <xdr:nvCxnSpPr>
        <xdr:cNvPr id="413" name="直線コネクタ 412"/>
        <xdr:cNvCxnSpPr/>
      </xdr:nvCxnSpPr>
      <xdr:spPr>
        <a:xfrm>
          <a:off x="17988280" y="10568940"/>
          <a:ext cx="78994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22936</xdr:rowOff>
    </xdr:from>
    <xdr:to>
      <xdr:col>102</xdr:col>
      <xdr:colOff>165100</xdr:colOff>
      <xdr:row>63</xdr:row>
      <xdr:rowOff>53086</xdr:rowOff>
    </xdr:to>
    <xdr:sp macro="" textlink="">
      <xdr:nvSpPr>
        <xdr:cNvPr id="414" name="楕円 413"/>
        <xdr:cNvSpPr/>
      </xdr:nvSpPr>
      <xdr:spPr>
        <a:xfrm>
          <a:off x="17162780" y="105166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2286</xdr:rowOff>
    </xdr:from>
    <xdr:to>
      <xdr:col>107</xdr:col>
      <xdr:colOff>50800</xdr:colOff>
      <xdr:row>63</xdr:row>
      <xdr:rowOff>7620</xdr:rowOff>
    </xdr:to>
    <xdr:cxnSp macro="">
      <xdr:nvCxnSpPr>
        <xdr:cNvPr id="415" name="直線コネクタ 414"/>
        <xdr:cNvCxnSpPr/>
      </xdr:nvCxnSpPr>
      <xdr:spPr>
        <a:xfrm>
          <a:off x="17213580" y="10563606"/>
          <a:ext cx="7747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21412</xdr:rowOff>
    </xdr:from>
    <xdr:to>
      <xdr:col>98</xdr:col>
      <xdr:colOff>38100</xdr:colOff>
      <xdr:row>63</xdr:row>
      <xdr:rowOff>51562</xdr:rowOff>
    </xdr:to>
    <xdr:sp macro="" textlink="">
      <xdr:nvSpPr>
        <xdr:cNvPr id="416" name="楕円 415"/>
        <xdr:cNvSpPr/>
      </xdr:nvSpPr>
      <xdr:spPr>
        <a:xfrm>
          <a:off x="16388080" y="105150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762</xdr:rowOff>
    </xdr:from>
    <xdr:to>
      <xdr:col>102</xdr:col>
      <xdr:colOff>114300</xdr:colOff>
      <xdr:row>63</xdr:row>
      <xdr:rowOff>2286</xdr:rowOff>
    </xdr:to>
    <xdr:cxnSp macro="">
      <xdr:nvCxnSpPr>
        <xdr:cNvPr id="417" name="直線コネクタ 416"/>
        <xdr:cNvCxnSpPr/>
      </xdr:nvCxnSpPr>
      <xdr:spPr>
        <a:xfrm>
          <a:off x="16431260" y="10562082"/>
          <a:ext cx="78232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94759</xdr:rowOff>
    </xdr:from>
    <xdr:ext cx="469744" cy="259045"/>
    <xdr:sp macro="" textlink="">
      <xdr:nvSpPr>
        <xdr:cNvPr id="418" name="n_1aveValue【学校施設】&#10;一人当たり面積"/>
        <xdr:cNvSpPr txBox="1"/>
      </xdr:nvSpPr>
      <xdr:spPr>
        <a:xfrm>
          <a:off x="18561127" y="10153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11523</xdr:rowOff>
    </xdr:from>
    <xdr:ext cx="469744" cy="259045"/>
    <xdr:sp macro="" textlink="">
      <xdr:nvSpPr>
        <xdr:cNvPr id="419" name="n_2aveValue【学校施設】&#10;一人当たり面積"/>
        <xdr:cNvSpPr txBox="1"/>
      </xdr:nvSpPr>
      <xdr:spPr>
        <a:xfrm>
          <a:off x="17776267" y="10169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8663</xdr:rowOff>
    </xdr:from>
    <xdr:ext cx="469744" cy="259045"/>
    <xdr:sp macro="" textlink="">
      <xdr:nvSpPr>
        <xdr:cNvPr id="420" name="n_3aveValue【学校施設】&#10;一人当たり面積"/>
        <xdr:cNvSpPr txBox="1"/>
      </xdr:nvSpPr>
      <xdr:spPr>
        <a:xfrm>
          <a:off x="17001567" y="10147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05427</xdr:rowOff>
    </xdr:from>
    <xdr:ext cx="469744" cy="259045"/>
    <xdr:sp macro="" textlink="">
      <xdr:nvSpPr>
        <xdr:cNvPr id="421" name="n_4aveValue【学校施設】&#10;一人当たり面積"/>
        <xdr:cNvSpPr txBox="1"/>
      </xdr:nvSpPr>
      <xdr:spPr>
        <a:xfrm>
          <a:off x="1622686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51833</xdr:rowOff>
    </xdr:from>
    <xdr:ext cx="469744" cy="259045"/>
    <xdr:sp macro="" textlink="">
      <xdr:nvSpPr>
        <xdr:cNvPr id="422" name="n_1mainValue【学校施設】&#10;一人当たり面積"/>
        <xdr:cNvSpPr txBox="1"/>
      </xdr:nvSpPr>
      <xdr:spPr>
        <a:xfrm>
          <a:off x="18561127" y="10613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49547</xdr:rowOff>
    </xdr:from>
    <xdr:ext cx="469744" cy="259045"/>
    <xdr:sp macro="" textlink="">
      <xdr:nvSpPr>
        <xdr:cNvPr id="423" name="n_2mainValue【学校施設】&#10;一人当たり面積"/>
        <xdr:cNvSpPr txBox="1"/>
      </xdr:nvSpPr>
      <xdr:spPr>
        <a:xfrm>
          <a:off x="17776267" y="1061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44213</xdr:rowOff>
    </xdr:from>
    <xdr:ext cx="469744" cy="259045"/>
    <xdr:sp macro="" textlink="">
      <xdr:nvSpPr>
        <xdr:cNvPr id="424" name="n_3mainValue【学校施設】&#10;一人当たり面積"/>
        <xdr:cNvSpPr txBox="1"/>
      </xdr:nvSpPr>
      <xdr:spPr>
        <a:xfrm>
          <a:off x="17001567" y="10605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42689</xdr:rowOff>
    </xdr:from>
    <xdr:ext cx="469744" cy="259045"/>
    <xdr:sp macro="" textlink="">
      <xdr:nvSpPr>
        <xdr:cNvPr id="425" name="n_4mainValue【学校施設】&#10;一人当たり面積"/>
        <xdr:cNvSpPr txBox="1"/>
      </xdr:nvSpPr>
      <xdr:spPr>
        <a:xfrm>
          <a:off x="16226867" y="10604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26" name="正方形/長方形 425"/>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27" name="正方形/長方形 426"/>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28" name="正方形/長方形 427"/>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29" name="正方形/長方形 428"/>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30" name="正方形/長方形 429"/>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31" name="正方形/長方形 430"/>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32" name="正方形/長方形 431"/>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33" name="正方形/長方形 432"/>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34" name="正方形/長方形 433"/>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35" name="正方形/長方形 434"/>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36" name="正方形/長方形 435"/>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37" name="正方形/長方形 436"/>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38" name="正方形/長方形 437"/>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39" name="正方形/長方形 438"/>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40" name="正方形/長方形 439"/>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41" name="正方形/長方形 440"/>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42" name="正方形/長方形 441"/>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43" name="正方形/長方形 442"/>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44" name="正方形/長方形 443"/>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45" name="正方形/長方形 444"/>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46" name="正方形/長方形 445"/>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47" name="正方形/長方形 446"/>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48" name="正方形/長方形 447"/>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49" name="正方形/長方形 448"/>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50" name="テキスト ボックス 449"/>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51" name="直線コネクタ 450"/>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452" name="テキスト ボックス 451"/>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453" name="直線コネクタ 452"/>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454" name="テキスト ボックス 453"/>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455" name="直線コネクタ 454"/>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456" name="テキスト ボックス 455"/>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457" name="直線コネクタ 456"/>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458" name="テキスト ボックス 457"/>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459" name="直線コネクタ 458"/>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460" name="テキスト ボックス 459"/>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461" name="直線コネクタ 460"/>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462" name="テキスト ボックス 461"/>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463" name="直線コネクタ 462"/>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464" name="テキスト ボックス 463"/>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65" name="直線コネクタ 464"/>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66" name="【公民館】&#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6402</xdr:rowOff>
    </xdr:from>
    <xdr:to>
      <xdr:col>85</xdr:col>
      <xdr:colOff>126364</xdr:colOff>
      <xdr:row>108</xdr:row>
      <xdr:rowOff>170906</xdr:rowOff>
    </xdr:to>
    <xdr:cxnSp macro="">
      <xdr:nvCxnSpPr>
        <xdr:cNvPr id="467" name="直線コネクタ 466"/>
        <xdr:cNvCxnSpPr/>
      </xdr:nvCxnSpPr>
      <xdr:spPr>
        <a:xfrm flipV="1">
          <a:off x="14375764" y="16830402"/>
          <a:ext cx="0" cy="14456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283</xdr:rowOff>
    </xdr:from>
    <xdr:ext cx="405111" cy="259045"/>
    <xdr:sp macro="" textlink="">
      <xdr:nvSpPr>
        <xdr:cNvPr id="468" name="【公民館】&#10;有形固定資産減価償却率最小値テキスト"/>
        <xdr:cNvSpPr txBox="1"/>
      </xdr:nvSpPr>
      <xdr:spPr>
        <a:xfrm>
          <a:off x="14414500" y="182760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70906</xdr:rowOff>
    </xdr:from>
    <xdr:to>
      <xdr:col>86</xdr:col>
      <xdr:colOff>25400</xdr:colOff>
      <xdr:row>108</xdr:row>
      <xdr:rowOff>170906</xdr:rowOff>
    </xdr:to>
    <xdr:cxnSp macro="">
      <xdr:nvCxnSpPr>
        <xdr:cNvPr id="469" name="直線コネクタ 468"/>
        <xdr:cNvCxnSpPr/>
      </xdr:nvCxnSpPr>
      <xdr:spPr>
        <a:xfrm>
          <a:off x="14287500" y="1827602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3079</xdr:rowOff>
    </xdr:from>
    <xdr:ext cx="340478" cy="259045"/>
    <xdr:sp macro="" textlink="">
      <xdr:nvSpPr>
        <xdr:cNvPr id="470" name="【公民館】&#10;有形固定資産減価償却率最大値テキスト"/>
        <xdr:cNvSpPr txBox="1"/>
      </xdr:nvSpPr>
      <xdr:spPr>
        <a:xfrm>
          <a:off x="14414500" y="1660943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6402</xdr:rowOff>
    </xdr:from>
    <xdr:to>
      <xdr:col>86</xdr:col>
      <xdr:colOff>25400</xdr:colOff>
      <xdr:row>100</xdr:row>
      <xdr:rowOff>66402</xdr:rowOff>
    </xdr:to>
    <xdr:cxnSp macro="">
      <xdr:nvCxnSpPr>
        <xdr:cNvPr id="471" name="直線コネクタ 470"/>
        <xdr:cNvCxnSpPr/>
      </xdr:nvCxnSpPr>
      <xdr:spPr>
        <a:xfrm>
          <a:off x="14287500" y="1683040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25021</xdr:rowOff>
    </xdr:from>
    <xdr:ext cx="405111" cy="259045"/>
    <xdr:sp macro="" textlink="">
      <xdr:nvSpPr>
        <xdr:cNvPr id="472" name="【公民館】&#10;有形固定資産減価償却率平均値テキスト"/>
        <xdr:cNvSpPr txBox="1"/>
      </xdr:nvSpPr>
      <xdr:spPr>
        <a:xfrm>
          <a:off x="14414500" y="1755958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02144</xdr:rowOff>
    </xdr:from>
    <xdr:to>
      <xdr:col>85</xdr:col>
      <xdr:colOff>177800</xdr:colOff>
      <xdr:row>106</xdr:row>
      <xdr:rowOff>32294</xdr:rowOff>
    </xdr:to>
    <xdr:sp macro="" textlink="">
      <xdr:nvSpPr>
        <xdr:cNvPr id="473" name="フローチャート: 判断 472"/>
        <xdr:cNvSpPr/>
      </xdr:nvSpPr>
      <xdr:spPr>
        <a:xfrm>
          <a:off x="14325600" y="1770434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62956</xdr:rowOff>
    </xdr:from>
    <xdr:to>
      <xdr:col>81</xdr:col>
      <xdr:colOff>101600</xdr:colOff>
      <xdr:row>105</xdr:row>
      <xdr:rowOff>164556</xdr:rowOff>
    </xdr:to>
    <xdr:sp macro="" textlink="">
      <xdr:nvSpPr>
        <xdr:cNvPr id="474" name="フローチャート: 判断 473"/>
        <xdr:cNvSpPr/>
      </xdr:nvSpPr>
      <xdr:spPr>
        <a:xfrm>
          <a:off x="13578840" y="17665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87449</xdr:rowOff>
    </xdr:from>
    <xdr:to>
      <xdr:col>76</xdr:col>
      <xdr:colOff>165100</xdr:colOff>
      <xdr:row>106</xdr:row>
      <xdr:rowOff>17599</xdr:rowOff>
    </xdr:to>
    <xdr:sp macro="" textlink="">
      <xdr:nvSpPr>
        <xdr:cNvPr id="475" name="フローチャート: 判断 474"/>
        <xdr:cNvSpPr/>
      </xdr:nvSpPr>
      <xdr:spPr>
        <a:xfrm>
          <a:off x="12804140" y="1768964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77651</xdr:rowOff>
    </xdr:from>
    <xdr:to>
      <xdr:col>72</xdr:col>
      <xdr:colOff>38100</xdr:colOff>
      <xdr:row>106</xdr:row>
      <xdr:rowOff>7801</xdr:rowOff>
    </xdr:to>
    <xdr:sp macro="" textlink="">
      <xdr:nvSpPr>
        <xdr:cNvPr id="476" name="フローチャート: 判断 475"/>
        <xdr:cNvSpPr/>
      </xdr:nvSpPr>
      <xdr:spPr>
        <a:xfrm>
          <a:off x="12029440" y="1767985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71120</xdr:rowOff>
    </xdr:from>
    <xdr:to>
      <xdr:col>67</xdr:col>
      <xdr:colOff>101600</xdr:colOff>
      <xdr:row>106</xdr:row>
      <xdr:rowOff>1270</xdr:rowOff>
    </xdr:to>
    <xdr:sp macro="" textlink="">
      <xdr:nvSpPr>
        <xdr:cNvPr id="477" name="フローチャート: 判断 476"/>
        <xdr:cNvSpPr/>
      </xdr:nvSpPr>
      <xdr:spPr>
        <a:xfrm>
          <a:off x="11231880" y="176733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478" name="テキスト ボックス 477"/>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79" name="テキスト ボックス 478"/>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80" name="テキスト ボックス 479"/>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81" name="テキスト ボックス 480"/>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82" name="テキスト ボックス 481"/>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5806</xdr:rowOff>
    </xdr:from>
    <xdr:to>
      <xdr:col>85</xdr:col>
      <xdr:colOff>177800</xdr:colOff>
      <xdr:row>108</xdr:row>
      <xdr:rowOff>107406</xdr:rowOff>
    </xdr:to>
    <xdr:sp macro="" textlink="">
      <xdr:nvSpPr>
        <xdr:cNvPr id="483" name="楕円 482"/>
        <xdr:cNvSpPr/>
      </xdr:nvSpPr>
      <xdr:spPr>
        <a:xfrm>
          <a:off x="14325600" y="18110926"/>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92183</xdr:rowOff>
    </xdr:from>
    <xdr:ext cx="405111" cy="259045"/>
    <xdr:sp macro="" textlink="">
      <xdr:nvSpPr>
        <xdr:cNvPr id="484" name="【公民館】&#10;有形固定資産減価償却率該当値テキスト"/>
        <xdr:cNvSpPr txBox="1"/>
      </xdr:nvSpPr>
      <xdr:spPr>
        <a:xfrm>
          <a:off x="14414500" y="1802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154395</xdr:rowOff>
    </xdr:from>
    <xdr:to>
      <xdr:col>81</xdr:col>
      <xdr:colOff>101600</xdr:colOff>
      <xdr:row>108</xdr:row>
      <xdr:rowOff>84545</xdr:rowOff>
    </xdr:to>
    <xdr:sp macro="" textlink="">
      <xdr:nvSpPr>
        <xdr:cNvPr id="485" name="楕円 484"/>
        <xdr:cNvSpPr/>
      </xdr:nvSpPr>
      <xdr:spPr>
        <a:xfrm>
          <a:off x="13578840" y="180918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33745</xdr:rowOff>
    </xdr:from>
    <xdr:to>
      <xdr:col>85</xdr:col>
      <xdr:colOff>127000</xdr:colOff>
      <xdr:row>108</xdr:row>
      <xdr:rowOff>56606</xdr:rowOff>
    </xdr:to>
    <xdr:cxnSp macro="">
      <xdr:nvCxnSpPr>
        <xdr:cNvPr id="486" name="直線コネクタ 485"/>
        <xdr:cNvCxnSpPr/>
      </xdr:nvCxnSpPr>
      <xdr:spPr>
        <a:xfrm>
          <a:off x="13629640" y="18138865"/>
          <a:ext cx="74676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8</xdr:row>
      <xdr:rowOff>7438</xdr:rowOff>
    </xdr:from>
    <xdr:to>
      <xdr:col>76</xdr:col>
      <xdr:colOff>165100</xdr:colOff>
      <xdr:row>108</xdr:row>
      <xdr:rowOff>109038</xdr:rowOff>
    </xdr:to>
    <xdr:sp macro="" textlink="">
      <xdr:nvSpPr>
        <xdr:cNvPr id="487" name="楕円 486"/>
        <xdr:cNvSpPr/>
      </xdr:nvSpPr>
      <xdr:spPr>
        <a:xfrm>
          <a:off x="12804140" y="18112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33745</xdr:rowOff>
    </xdr:from>
    <xdr:to>
      <xdr:col>81</xdr:col>
      <xdr:colOff>50800</xdr:colOff>
      <xdr:row>108</xdr:row>
      <xdr:rowOff>58238</xdr:rowOff>
    </xdr:to>
    <xdr:cxnSp macro="">
      <xdr:nvCxnSpPr>
        <xdr:cNvPr id="488" name="直線コネクタ 487"/>
        <xdr:cNvCxnSpPr/>
      </xdr:nvCxnSpPr>
      <xdr:spPr>
        <a:xfrm flipV="1">
          <a:off x="12854940" y="18138865"/>
          <a:ext cx="7747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156029</xdr:rowOff>
    </xdr:from>
    <xdr:to>
      <xdr:col>72</xdr:col>
      <xdr:colOff>38100</xdr:colOff>
      <xdr:row>108</xdr:row>
      <xdr:rowOff>86179</xdr:rowOff>
    </xdr:to>
    <xdr:sp macro="" textlink="">
      <xdr:nvSpPr>
        <xdr:cNvPr id="489" name="楕円 488"/>
        <xdr:cNvSpPr/>
      </xdr:nvSpPr>
      <xdr:spPr>
        <a:xfrm>
          <a:off x="12029440" y="1809350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8</xdr:row>
      <xdr:rowOff>35379</xdr:rowOff>
    </xdr:from>
    <xdr:to>
      <xdr:col>76</xdr:col>
      <xdr:colOff>114300</xdr:colOff>
      <xdr:row>108</xdr:row>
      <xdr:rowOff>58238</xdr:rowOff>
    </xdr:to>
    <xdr:cxnSp macro="">
      <xdr:nvCxnSpPr>
        <xdr:cNvPr id="490" name="直線コネクタ 489"/>
        <xdr:cNvCxnSpPr/>
      </xdr:nvCxnSpPr>
      <xdr:spPr>
        <a:xfrm>
          <a:off x="12072620" y="18140499"/>
          <a:ext cx="78232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123371</xdr:rowOff>
    </xdr:from>
    <xdr:to>
      <xdr:col>67</xdr:col>
      <xdr:colOff>101600</xdr:colOff>
      <xdr:row>108</xdr:row>
      <xdr:rowOff>53521</xdr:rowOff>
    </xdr:to>
    <xdr:sp macro="" textlink="">
      <xdr:nvSpPr>
        <xdr:cNvPr id="491" name="楕円 490"/>
        <xdr:cNvSpPr/>
      </xdr:nvSpPr>
      <xdr:spPr>
        <a:xfrm>
          <a:off x="11231880" y="180608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8</xdr:row>
      <xdr:rowOff>2721</xdr:rowOff>
    </xdr:from>
    <xdr:to>
      <xdr:col>71</xdr:col>
      <xdr:colOff>177800</xdr:colOff>
      <xdr:row>108</xdr:row>
      <xdr:rowOff>35379</xdr:rowOff>
    </xdr:to>
    <xdr:cxnSp macro="">
      <xdr:nvCxnSpPr>
        <xdr:cNvPr id="492" name="直線コネクタ 491"/>
        <xdr:cNvCxnSpPr/>
      </xdr:nvCxnSpPr>
      <xdr:spPr>
        <a:xfrm>
          <a:off x="11282680" y="18107841"/>
          <a:ext cx="78994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633</xdr:rowOff>
    </xdr:from>
    <xdr:ext cx="405111" cy="259045"/>
    <xdr:sp macro="" textlink="">
      <xdr:nvSpPr>
        <xdr:cNvPr id="493" name="n_1aveValue【公民館】&#10;有形固定資産減価償却率"/>
        <xdr:cNvSpPr txBox="1"/>
      </xdr:nvSpPr>
      <xdr:spPr>
        <a:xfrm>
          <a:off x="13437244" y="17444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34126</xdr:rowOff>
    </xdr:from>
    <xdr:ext cx="405111" cy="259045"/>
    <xdr:sp macro="" textlink="">
      <xdr:nvSpPr>
        <xdr:cNvPr id="494" name="n_2aveValue【公民館】&#10;有形固定資産減価償却率"/>
        <xdr:cNvSpPr txBox="1"/>
      </xdr:nvSpPr>
      <xdr:spPr>
        <a:xfrm>
          <a:off x="12675244" y="174686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24328</xdr:rowOff>
    </xdr:from>
    <xdr:ext cx="405111" cy="259045"/>
    <xdr:sp macro="" textlink="">
      <xdr:nvSpPr>
        <xdr:cNvPr id="495" name="n_3aveValue【公民館】&#10;有形固定資産減価償却率"/>
        <xdr:cNvSpPr txBox="1"/>
      </xdr:nvSpPr>
      <xdr:spPr>
        <a:xfrm>
          <a:off x="11900544" y="17458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7797</xdr:rowOff>
    </xdr:from>
    <xdr:ext cx="405111" cy="259045"/>
    <xdr:sp macro="" textlink="">
      <xdr:nvSpPr>
        <xdr:cNvPr id="496" name="n_4aveValue【公民館】&#10;有形固定資産減価償却率"/>
        <xdr:cNvSpPr txBox="1"/>
      </xdr:nvSpPr>
      <xdr:spPr>
        <a:xfrm>
          <a:off x="11102984" y="1745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75672</xdr:rowOff>
    </xdr:from>
    <xdr:ext cx="405111" cy="259045"/>
    <xdr:sp macro="" textlink="">
      <xdr:nvSpPr>
        <xdr:cNvPr id="497" name="n_1mainValue【公民館】&#10;有形固定資産減価償却率"/>
        <xdr:cNvSpPr txBox="1"/>
      </xdr:nvSpPr>
      <xdr:spPr>
        <a:xfrm>
          <a:off x="13437244" y="18180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100165</xdr:rowOff>
    </xdr:from>
    <xdr:ext cx="405111" cy="259045"/>
    <xdr:sp macro="" textlink="">
      <xdr:nvSpPr>
        <xdr:cNvPr id="498" name="n_2mainValue【公民館】&#10;有形固定資産減価償却率"/>
        <xdr:cNvSpPr txBox="1"/>
      </xdr:nvSpPr>
      <xdr:spPr>
        <a:xfrm>
          <a:off x="12675244" y="18205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77306</xdr:rowOff>
    </xdr:from>
    <xdr:ext cx="405111" cy="259045"/>
    <xdr:sp macro="" textlink="">
      <xdr:nvSpPr>
        <xdr:cNvPr id="499" name="n_3mainValue【公民館】&#10;有形固定資産減価償却率"/>
        <xdr:cNvSpPr txBox="1"/>
      </xdr:nvSpPr>
      <xdr:spPr>
        <a:xfrm>
          <a:off x="11900544" y="1818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44648</xdr:rowOff>
    </xdr:from>
    <xdr:ext cx="405111" cy="259045"/>
    <xdr:sp macro="" textlink="">
      <xdr:nvSpPr>
        <xdr:cNvPr id="500" name="n_4mainValue【公民館】&#10;有形固定資産減価償却率"/>
        <xdr:cNvSpPr txBox="1"/>
      </xdr:nvSpPr>
      <xdr:spPr>
        <a:xfrm>
          <a:off x="11102984" y="181497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01" name="正方形/長方形 500"/>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02" name="正方形/長方形 501"/>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03" name="正方形/長方形 502"/>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04" name="正方形/長方形 503"/>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05" name="正方形/長方形 504"/>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06" name="正方形/長方形 505"/>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07" name="正方形/長方形 506"/>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08" name="正方形/長方形 507"/>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509" name="テキスト ボックス 508"/>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10" name="直線コネクタ 509"/>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511" name="直線コネクタ 510"/>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512" name="テキスト ボックス 511"/>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513" name="直線コネクタ 512"/>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514" name="テキスト ボックス 513"/>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515" name="直線コネクタ 514"/>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516" name="テキスト ボックス 515"/>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517" name="直線コネクタ 516"/>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518" name="テキスト ボックス 517"/>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519" name="直線コネクタ 518"/>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520" name="テキスト ボックス 519"/>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521" name="直線コネクタ 520"/>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522" name="テキスト ボックス 521"/>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23" name="直線コネクタ 522"/>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524" name="テキスト ボックス 523"/>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25" name="【公民館】&#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2123</xdr:rowOff>
    </xdr:from>
    <xdr:to>
      <xdr:col>116</xdr:col>
      <xdr:colOff>62864</xdr:colOff>
      <xdr:row>109</xdr:row>
      <xdr:rowOff>32113</xdr:rowOff>
    </xdr:to>
    <xdr:cxnSp macro="">
      <xdr:nvCxnSpPr>
        <xdr:cNvPr id="526" name="直線コネクタ 525"/>
        <xdr:cNvCxnSpPr/>
      </xdr:nvCxnSpPr>
      <xdr:spPr>
        <a:xfrm flipV="1">
          <a:off x="19509104" y="16876123"/>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5940</xdr:rowOff>
    </xdr:from>
    <xdr:ext cx="469744" cy="259045"/>
    <xdr:sp macro="" textlink="">
      <xdr:nvSpPr>
        <xdr:cNvPr id="527" name="【公民館】&#10;一人当たり面積最小値テキスト"/>
        <xdr:cNvSpPr txBox="1"/>
      </xdr:nvSpPr>
      <xdr:spPr>
        <a:xfrm>
          <a:off x="19547840" y="18308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32113</xdr:rowOff>
    </xdr:from>
    <xdr:to>
      <xdr:col>116</xdr:col>
      <xdr:colOff>152400</xdr:colOff>
      <xdr:row>109</xdr:row>
      <xdr:rowOff>32113</xdr:rowOff>
    </xdr:to>
    <xdr:cxnSp macro="">
      <xdr:nvCxnSpPr>
        <xdr:cNvPr id="528" name="直線コネクタ 527"/>
        <xdr:cNvCxnSpPr/>
      </xdr:nvCxnSpPr>
      <xdr:spPr>
        <a:xfrm>
          <a:off x="19443700" y="1830487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8800</xdr:rowOff>
    </xdr:from>
    <xdr:ext cx="469744" cy="259045"/>
    <xdr:sp macro="" textlink="">
      <xdr:nvSpPr>
        <xdr:cNvPr id="529" name="【公民館】&#10;一人当たり面積最大値テキスト"/>
        <xdr:cNvSpPr txBox="1"/>
      </xdr:nvSpPr>
      <xdr:spPr>
        <a:xfrm>
          <a:off x="19547840" y="16655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2123</xdr:rowOff>
    </xdr:from>
    <xdr:to>
      <xdr:col>116</xdr:col>
      <xdr:colOff>152400</xdr:colOff>
      <xdr:row>100</xdr:row>
      <xdr:rowOff>112123</xdr:rowOff>
    </xdr:to>
    <xdr:cxnSp macro="">
      <xdr:nvCxnSpPr>
        <xdr:cNvPr id="530" name="直線コネクタ 529"/>
        <xdr:cNvCxnSpPr/>
      </xdr:nvCxnSpPr>
      <xdr:spPr>
        <a:xfrm>
          <a:off x="19443700" y="1687612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75672</xdr:rowOff>
    </xdr:from>
    <xdr:ext cx="469744" cy="259045"/>
    <xdr:sp macro="" textlink="">
      <xdr:nvSpPr>
        <xdr:cNvPr id="531" name="【公民館】&#10;一人当たり面積平均値テキスト"/>
        <xdr:cNvSpPr txBox="1"/>
      </xdr:nvSpPr>
      <xdr:spPr>
        <a:xfrm>
          <a:off x="19547840" y="178455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7245</xdr:rowOff>
    </xdr:from>
    <xdr:to>
      <xdr:col>116</xdr:col>
      <xdr:colOff>114300</xdr:colOff>
      <xdr:row>107</xdr:row>
      <xdr:rowOff>27395</xdr:rowOff>
    </xdr:to>
    <xdr:sp macro="" textlink="">
      <xdr:nvSpPr>
        <xdr:cNvPr id="532" name="フローチャート: 判断 531"/>
        <xdr:cNvSpPr/>
      </xdr:nvSpPr>
      <xdr:spPr>
        <a:xfrm>
          <a:off x="19458940" y="178670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07043</xdr:rowOff>
    </xdr:from>
    <xdr:to>
      <xdr:col>112</xdr:col>
      <xdr:colOff>38100</xdr:colOff>
      <xdr:row>107</xdr:row>
      <xdr:rowOff>37193</xdr:rowOff>
    </xdr:to>
    <xdr:sp macro="" textlink="">
      <xdr:nvSpPr>
        <xdr:cNvPr id="533" name="フローチャート: 判断 532"/>
        <xdr:cNvSpPr/>
      </xdr:nvSpPr>
      <xdr:spPr>
        <a:xfrm>
          <a:off x="18735040" y="1787688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00512</xdr:rowOff>
    </xdr:from>
    <xdr:to>
      <xdr:col>107</xdr:col>
      <xdr:colOff>101600</xdr:colOff>
      <xdr:row>107</xdr:row>
      <xdr:rowOff>30662</xdr:rowOff>
    </xdr:to>
    <xdr:sp macro="" textlink="">
      <xdr:nvSpPr>
        <xdr:cNvPr id="534" name="フローチャート: 判断 533"/>
        <xdr:cNvSpPr/>
      </xdr:nvSpPr>
      <xdr:spPr>
        <a:xfrm>
          <a:off x="17937480" y="1787035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93980</xdr:rowOff>
    </xdr:from>
    <xdr:to>
      <xdr:col>102</xdr:col>
      <xdr:colOff>165100</xdr:colOff>
      <xdr:row>107</xdr:row>
      <xdr:rowOff>24130</xdr:rowOff>
    </xdr:to>
    <xdr:sp macro="" textlink="">
      <xdr:nvSpPr>
        <xdr:cNvPr id="535" name="フローチャート: 判断 534"/>
        <xdr:cNvSpPr/>
      </xdr:nvSpPr>
      <xdr:spPr>
        <a:xfrm>
          <a:off x="17162780" y="178638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07043</xdr:rowOff>
    </xdr:from>
    <xdr:to>
      <xdr:col>98</xdr:col>
      <xdr:colOff>38100</xdr:colOff>
      <xdr:row>107</xdr:row>
      <xdr:rowOff>37193</xdr:rowOff>
    </xdr:to>
    <xdr:sp macro="" textlink="">
      <xdr:nvSpPr>
        <xdr:cNvPr id="536" name="フローチャート: 判断 535"/>
        <xdr:cNvSpPr/>
      </xdr:nvSpPr>
      <xdr:spPr>
        <a:xfrm>
          <a:off x="16388080" y="1787688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537" name="テキスト ボックス 536"/>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38" name="テキスト ボックス 537"/>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39" name="テキスト ボックス 538"/>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40" name="テキスト ボックス 539"/>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41" name="テキスト ボックス 540"/>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8261</xdr:rowOff>
    </xdr:from>
    <xdr:to>
      <xdr:col>116</xdr:col>
      <xdr:colOff>114300</xdr:colOff>
      <xdr:row>106</xdr:row>
      <xdr:rowOff>149861</xdr:rowOff>
    </xdr:to>
    <xdr:sp macro="" textlink="">
      <xdr:nvSpPr>
        <xdr:cNvPr id="542" name="楕円 541"/>
        <xdr:cNvSpPr/>
      </xdr:nvSpPr>
      <xdr:spPr>
        <a:xfrm>
          <a:off x="19458940" y="17818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71138</xdr:rowOff>
    </xdr:from>
    <xdr:ext cx="469744" cy="259045"/>
    <xdr:sp macro="" textlink="">
      <xdr:nvSpPr>
        <xdr:cNvPr id="543" name="【公民館】&#10;一人当たり面積該当値テキスト"/>
        <xdr:cNvSpPr txBox="1"/>
      </xdr:nvSpPr>
      <xdr:spPr>
        <a:xfrm>
          <a:off x="19547840" y="17673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48261</xdr:rowOff>
    </xdr:from>
    <xdr:to>
      <xdr:col>112</xdr:col>
      <xdr:colOff>38100</xdr:colOff>
      <xdr:row>106</xdr:row>
      <xdr:rowOff>149861</xdr:rowOff>
    </xdr:to>
    <xdr:sp macro="" textlink="">
      <xdr:nvSpPr>
        <xdr:cNvPr id="544" name="楕円 543"/>
        <xdr:cNvSpPr/>
      </xdr:nvSpPr>
      <xdr:spPr>
        <a:xfrm>
          <a:off x="18735040" y="178181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99061</xdr:rowOff>
    </xdr:from>
    <xdr:to>
      <xdr:col>116</xdr:col>
      <xdr:colOff>63500</xdr:colOff>
      <xdr:row>106</xdr:row>
      <xdr:rowOff>99061</xdr:rowOff>
    </xdr:to>
    <xdr:cxnSp macro="">
      <xdr:nvCxnSpPr>
        <xdr:cNvPr id="545" name="直線コネクタ 544"/>
        <xdr:cNvCxnSpPr/>
      </xdr:nvCxnSpPr>
      <xdr:spPr>
        <a:xfrm>
          <a:off x="18778220" y="17868901"/>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48261</xdr:rowOff>
    </xdr:from>
    <xdr:to>
      <xdr:col>107</xdr:col>
      <xdr:colOff>101600</xdr:colOff>
      <xdr:row>106</xdr:row>
      <xdr:rowOff>149861</xdr:rowOff>
    </xdr:to>
    <xdr:sp macro="" textlink="">
      <xdr:nvSpPr>
        <xdr:cNvPr id="546" name="楕円 545"/>
        <xdr:cNvSpPr/>
      </xdr:nvSpPr>
      <xdr:spPr>
        <a:xfrm>
          <a:off x="17937480" y="17818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99061</xdr:rowOff>
    </xdr:from>
    <xdr:to>
      <xdr:col>111</xdr:col>
      <xdr:colOff>177800</xdr:colOff>
      <xdr:row>106</xdr:row>
      <xdr:rowOff>99061</xdr:rowOff>
    </xdr:to>
    <xdr:cxnSp macro="">
      <xdr:nvCxnSpPr>
        <xdr:cNvPr id="547" name="直線コネクタ 546"/>
        <xdr:cNvCxnSpPr/>
      </xdr:nvCxnSpPr>
      <xdr:spPr>
        <a:xfrm>
          <a:off x="17988280" y="17868901"/>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44994</xdr:rowOff>
    </xdr:from>
    <xdr:to>
      <xdr:col>102</xdr:col>
      <xdr:colOff>165100</xdr:colOff>
      <xdr:row>106</xdr:row>
      <xdr:rowOff>146594</xdr:rowOff>
    </xdr:to>
    <xdr:sp macro="" textlink="">
      <xdr:nvSpPr>
        <xdr:cNvPr id="548" name="楕円 547"/>
        <xdr:cNvSpPr/>
      </xdr:nvSpPr>
      <xdr:spPr>
        <a:xfrm>
          <a:off x="17162780" y="17814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95794</xdr:rowOff>
    </xdr:from>
    <xdr:to>
      <xdr:col>107</xdr:col>
      <xdr:colOff>50800</xdr:colOff>
      <xdr:row>106</xdr:row>
      <xdr:rowOff>99061</xdr:rowOff>
    </xdr:to>
    <xdr:cxnSp macro="">
      <xdr:nvCxnSpPr>
        <xdr:cNvPr id="549" name="直線コネクタ 548"/>
        <xdr:cNvCxnSpPr/>
      </xdr:nvCxnSpPr>
      <xdr:spPr>
        <a:xfrm>
          <a:off x="17213580" y="17865634"/>
          <a:ext cx="7747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44994</xdr:rowOff>
    </xdr:from>
    <xdr:to>
      <xdr:col>98</xdr:col>
      <xdr:colOff>38100</xdr:colOff>
      <xdr:row>106</xdr:row>
      <xdr:rowOff>146594</xdr:rowOff>
    </xdr:to>
    <xdr:sp macro="" textlink="">
      <xdr:nvSpPr>
        <xdr:cNvPr id="550" name="楕円 549"/>
        <xdr:cNvSpPr/>
      </xdr:nvSpPr>
      <xdr:spPr>
        <a:xfrm>
          <a:off x="16388080" y="1781483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95794</xdr:rowOff>
    </xdr:from>
    <xdr:to>
      <xdr:col>102</xdr:col>
      <xdr:colOff>114300</xdr:colOff>
      <xdr:row>106</xdr:row>
      <xdr:rowOff>95794</xdr:rowOff>
    </xdr:to>
    <xdr:cxnSp macro="">
      <xdr:nvCxnSpPr>
        <xdr:cNvPr id="551" name="直線コネクタ 550"/>
        <xdr:cNvCxnSpPr/>
      </xdr:nvCxnSpPr>
      <xdr:spPr>
        <a:xfrm>
          <a:off x="16431260" y="1786563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28320</xdr:rowOff>
    </xdr:from>
    <xdr:ext cx="469744" cy="259045"/>
    <xdr:sp macro="" textlink="">
      <xdr:nvSpPr>
        <xdr:cNvPr id="552" name="n_1aveValue【公民館】&#10;一人当たり面積"/>
        <xdr:cNvSpPr txBox="1"/>
      </xdr:nvSpPr>
      <xdr:spPr>
        <a:xfrm>
          <a:off x="18561127" y="17965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21789</xdr:rowOff>
    </xdr:from>
    <xdr:ext cx="469744" cy="259045"/>
    <xdr:sp macro="" textlink="">
      <xdr:nvSpPr>
        <xdr:cNvPr id="553" name="n_2aveValue【公民館】&#10;一人当たり面積"/>
        <xdr:cNvSpPr txBox="1"/>
      </xdr:nvSpPr>
      <xdr:spPr>
        <a:xfrm>
          <a:off x="17776267" y="17959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5257</xdr:rowOff>
    </xdr:from>
    <xdr:ext cx="469744" cy="259045"/>
    <xdr:sp macro="" textlink="">
      <xdr:nvSpPr>
        <xdr:cNvPr id="554" name="n_3aveValue【公民館】&#10;一人当たり面積"/>
        <xdr:cNvSpPr txBox="1"/>
      </xdr:nvSpPr>
      <xdr:spPr>
        <a:xfrm>
          <a:off x="17001567" y="17952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28320</xdr:rowOff>
    </xdr:from>
    <xdr:ext cx="469744" cy="259045"/>
    <xdr:sp macro="" textlink="">
      <xdr:nvSpPr>
        <xdr:cNvPr id="555" name="n_4aveValue【公民館】&#10;一人当たり面積"/>
        <xdr:cNvSpPr txBox="1"/>
      </xdr:nvSpPr>
      <xdr:spPr>
        <a:xfrm>
          <a:off x="16226867" y="17965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66388</xdr:rowOff>
    </xdr:from>
    <xdr:ext cx="469744" cy="259045"/>
    <xdr:sp macro="" textlink="">
      <xdr:nvSpPr>
        <xdr:cNvPr id="556" name="n_1mainValue【公民館】&#10;一人当たり面積"/>
        <xdr:cNvSpPr txBox="1"/>
      </xdr:nvSpPr>
      <xdr:spPr>
        <a:xfrm>
          <a:off x="18561127" y="17600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66388</xdr:rowOff>
    </xdr:from>
    <xdr:ext cx="469744" cy="259045"/>
    <xdr:sp macro="" textlink="">
      <xdr:nvSpPr>
        <xdr:cNvPr id="557" name="n_2mainValue【公民館】&#10;一人当たり面積"/>
        <xdr:cNvSpPr txBox="1"/>
      </xdr:nvSpPr>
      <xdr:spPr>
        <a:xfrm>
          <a:off x="17776267" y="17600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63121</xdr:rowOff>
    </xdr:from>
    <xdr:ext cx="469744" cy="259045"/>
    <xdr:sp macro="" textlink="">
      <xdr:nvSpPr>
        <xdr:cNvPr id="558" name="n_3mainValue【公民館】&#10;一人当たり面積"/>
        <xdr:cNvSpPr txBox="1"/>
      </xdr:nvSpPr>
      <xdr:spPr>
        <a:xfrm>
          <a:off x="17001567" y="1759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63121</xdr:rowOff>
    </xdr:from>
    <xdr:ext cx="469744" cy="259045"/>
    <xdr:sp macro="" textlink="">
      <xdr:nvSpPr>
        <xdr:cNvPr id="559" name="n_4mainValue【公民館】&#10;一人当たり面積"/>
        <xdr:cNvSpPr txBox="1"/>
      </xdr:nvSpPr>
      <xdr:spPr>
        <a:xfrm>
          <a:off x="16226867" y="1759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60" name="正方形/長方形 559"/>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61" name="正方形/長方形 560"/>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62" name="テキスト ボックス 561"/>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学校施設」について、有形固定資産減価償却率が類似団体</a:t>
          </a:r>
          <a:r>
            <a:rPr kumimoji="1" lang="ja-JP" altLang="en-US" sz="1100">
              <a:solidFill>
                <a:schemeClr val="dk1"/>
              </a:solidFill>
              <a:effectLst/>
              <a:latin typeface="+mn-lt"/>
              <a:ea typeface="+mn-ea"/>
              <a:cs typeface="+mn-cs"/>
            </a:rPr>
            <a:t>内平均値</a:t>
          </a:r>
          <a:r>
            <a:rPr kumimoji="1" lang="ja-JP" altLang="ja-JP" sz="1100">
              <a:solidFill>
                <a:schemeClr val="dk1"/>
              </a:solidFill>
              <a:effectLst/>
              <a:latin typeface="+mn-lt"/>
              <a:ea typeface="+mn-ea"/>
              <a:cs typeface="+mn-cs"/>
            </a:rPr>
            <a:t>と比較して、高い水準で推移している。大規模改修を行った学校はあるものの</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総じて減価償却が進み老朽化が目立っている。「寒川町公共施設等総合管理計画」に基づく「寒川町公共施設再編計画」が策定され、少子高齢・人口減社会に見合った公共施設配置に向けて、学校教育施設の再編や公共施設の更新、統廃合、複合化等により、財政負担の軽減を図ることが示された。</a:t>
          </a:r>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5</a:t>
          </a:r>
          <a:r>
            <a:rPr kumimoji="1" lang="ja-JP" altLang="en-US" sz="1100">
              <a:solidFill>
                <a:schemeClr val="dk1"/>
              </a:solidFill>
              <a:effectLst/>
              <a:latin typeface="+mn-lt"/>
              <a:ea typeface="+mn-ea"/>
              <a:cs typeface="+mn-cs"/>
            </a:rPr>
            <a:t>年には、「寒川町公共施設再編計画」の基本方針に示されている取り組みの</a:t>
          </a:r>
          <a:r>
            <a:rPr kumimoji="1" lang="en-US" altLang="ja-JP" sz="1100">
              <a:solidFill>
                <a:schemeClr val="dk1"/>
              </a:solidFill>
              <a:effectLst/>
              <a:latin typeface="+mn-lt"/>
              <a:ea typeface="+mn-ea"/>
              <a:cs typeface="+mn-cs"/>
            </a:rPr>
            <a:t>1</a:t>
          </a:r>
          <a:r>
            <a:rPr kumimoji="1" lang="ja-JP" altLang="en-US" sz="1100">
              <a:solidFill>
                <a:schemeClr val="dk1"/>
              </a:solidFill>
              <a:effectLst/>
              <a:latin typeface="+mn-lt"/>
              <a:ea typeface="+mn-ea"/>
              <a:cs typeface="+mn-cs"/>
            </a:rPr>
            <a:t>つとして、学校配置候補案も含んだ「寒川町立小・中学校適正化等基本計画 」が策定された。学校配置に関しての</a:t>
          </a:r>
          <a:r>
            <a:rPr kumimoji="1" lang="ja-JP" altLang="ja-JP" sz="1100">
              <a:solidFill>
                <a:schemeClr val="dk1"/>
              </a:solidFill>
              <a:effectLst/>
              <a:latin typeface="+mn-lt"/>
              <a:ea typeface="+mn-ea"/>
              <a:cs typeface="+mn-cs"/>
            </a:rPr>
            <a:t>最終的な結論が出て、実際に事業が開始されるまでの間は、該当事業の財源となる新たな地方債や債務負担行為が増加せず実質的な負債として算入されないため、当面の間は将来負担比率は減少傾向の見込みとなり、有形固定資産減価償却率は増加傾向の見込みとなる。</a:t>
          </a:r>
          <a:endParaRPr lang="ja-JP" altLang="ja-JP" sz="1400">
            <a:effectLst/>
          </a:endParaRPr>
        </a:p>
        <a:p>
          <a:r>
            <a:rPr kumimoji="1" lang="ja-JP" altLang="ja-JP" sz="1100">
              <a:solidFill>
                <a:schemeClr val="dk1"/>
              </a:solidFill>
              <a:effectLst/>
              <a:latin typeface="+mn-lt"/>
              <a:ea typeface="+mn-ea"/>
              <a:cs typeface="+mn-cs"/>
            </a:rPr>
            <a:t>今後、施設再編等が進むにつれ、有形固定資産減価償却率は減少する一方で、町債残高や公債費の増加も見込まれるため、町の財政状況を鑑みつつ、将来負担の急増とならないよう、将来負担と公共施設の最適化のバランスを図り、適正水準の確保に努めていく。</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公民館」</a:t>
          </a:r>
          <a:r>
            <a:rPr kumimoji="1" lang="ja-JP" altLang="en-US" sz="1100">
              <a:solidFill>
                <a:schemeClr val="dk1"/>
              </a:solidFill>
              <a:effectLst/>
              <a:latin typeface="+mn-lt"/>
              <a:ea typeface="+mn-ea"/>
              <a:cs typeface="+mn-cs"/>
            </a:rPr>
            <a:t>についても、同様に有形固定資産減価償却率が類似団体内平均値と比較して、高い水準で推移し、施設の老朽化が目立っている。「寒川町公共施設再編計画」では、公民館の移転に向けて検討を進めることとなっているため、将来負担と公共施設の最適化のバランスを考慮しつつ、引き続き検討していく。</a:t>
          </a:r>
          <a:endParaRPr kumimoji="1" lang="en-US" altLang="ja-JP" sz="1100">
            <a:solidFill>
              <a:schemeClr val="dk1"/>
            </a:solidFill>
            <a:effectLst/>
            <a:latin typeface="+mn-lt"/>
            <a:ea typeface="+mn-ea"/>
            <a:cs typeface="+mn-cs"/>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3
48,001
13.34
20,901,741
18,851,296
1,947,164
10,338,887
6,858,9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12123</xdr:rowOff>
    </xdr:from>
    <xdr:to>
      <xdr:col>24</xdr:col>
      <xdr:colOff>62865</xdr:colOff>
      <xdr:row>42</xdr:row>
      <xdr:rowOff>85997</xdr:rowOff>
    </xdr:to>
    <xdr:cxnSp macro="">
      <xdr:nvCxnSpPr>
        <xdr:cNvPr id="58" name="直線コネクタ 57"/>
        <xdr:cNvCxnSpPr/>
      </xdr:nvCxnSpPr>
      <xdr:spPr>
        <a:xfrm flipV="1">
          <a:off x="4086225" y="5644243"/>
          <a:ext cx="0" cy="1482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9824</xdr:rowOff>
    </xdr:from>
    <xdr:ext cx="405111" cy="259045"/>
    <xdr:sp macro="" textlink="">
      <xdr:nvSpPr>
        <xdr:cNvPr id="59" name="【図書館】&#10;有形固定資産減価償却率最小値テキスト"/>
        <xdr:cNvSpPr txBox="1"/>
      </xdr:nvSpPr>
      <xdr:spPr>
        <a:xfrm>
          <a:off x="4124960" y="7130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5997</xdr:rowOff>
    </xdr:from>
    <xdr:to>
      <xdr:col>24</xdr:col>
      <xdr:colOff>152400</xdr:colOff>
      <xdr:row>42</xdr:row>
      <xdr:rowOff>85997</xdr:rowOff>
    </xdr:to>
    <xdr:cxnSp macro="">
      <xdr:nvCxnSpPr>
        <xdr:cNvPr id="60" name="直線コネクタ 59"/>
        <xdr:cNvCxnSpPr/>
      </xdr:nvCxnSpPr>
      <xdr:spPr>
        <a:xfrm>
          <a:off x="4020820" y="712687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58800</xdr:rowOff>
    </xdr:from>
    <xdr:ext cx="340478" cy="259045"/>
    <xdr:sp macro="" textlink="">
      <xdr:nvSpPr>
        <xdr:cNvPr id="61" name="【図書館】&#10;有形固定資産減価償却率最大値テキスト"/>
        <xdr:cNvSpPr txBox="1"/>
      </xdr:nvSpPr>
      <xdr:spPr>
        <a:xfrm>
          <a:off x="4124960" y="542328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12123</xdr:rowOff>
    </xdr:from>
    <xdr:to>
      <xdr:col>24</xdr:col>
      <xdr:colOff>152400</xdr:colOff>
      <xdr:row>33</xdr:row>
      <xdr:rowOff>112123</xdr:rowOff>
    </xdr:to>
    <xdr:cxnSp macro="">
      <xdr:nvCxnSpPr>
        <xdr:cNvPr id="62" name="直線コネクタ 61"/>
        <xdr:cNvCxnSpPr/>
      </xdr:nvCxnSpPr>
      <xdr:spPr>
        <a:xfrm>
          <a:off x="4020820" y="56442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95267</xdr:rowOff>
    </xdr:from>
    <xdr:ext cx="405111" cy="259045"/>
    <xdr:sp macro="" textlink="">
      <xdr:nvSpPr>
        <xdr:cNvPr id="63" name="【図書館】&#10;有形固定資産減価償却率平均値テキスト"/>
        <xdr:cNvSpPr txBox="1"/>
      </xdr:nvSpPr>
      <xdr:spPr>
        <a:xfrm>
          <a:off x="4124960" y="62979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6840</xdr:rowOff>
    </xdr:from>
    <xdr:to>
      <xdr:col>24</xdr:col>
      <xdr:colOff>114300</xdr:colOff>
      <xdr:row>38</xdr:row>
      <xdr:rowOff>46990</xdr:rowOff>
    </xdr:to>
    <xdr:sp macro="" textlink="">
      <xdr:nvSpPr>
        <xdr:cNvPr id="64" name="フローチャート: 判断 63"/>
        <xdr:cNvSpPr/>
      </xdr:nvSpPr>
      <xdr:spPr>
        <a:xfrm>
          <a:off x="4036060" y="63195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0917</xdr:rowOff>
    </xdr:from>
    <xdr:to>
      <xdr:col>20</xdr:col>
      <xdr:colOff>38100</xdr:colOff>
      <xdr:row>38</xdr:row>
      <xdr:rowOff>11068</xdr:rowOff>
    </xdr:to>
    <xdr:sp macro="" textlink="">
      <xdr:nvSpPr>
        <xdr:cNvPr id="65" name="フローチャート: 判断 64"/>
        <xdr:cNvSpPr/>
      </xdr:nvSpPr>
      <xdr:spPr>
        <a:xfrm>
          <a:off x="3312160" y="6283597"/>
          <a:ext cx="78740" cy="9779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1728</xdr:rowOff>
    </xdr:from>
    <xdr:to>
      <xdr:col>15</xdr:col>
      <xdr:colOff>101600</xdr:colOff>
      <xdr:row>37</xdr:row>
      <xdr:rowOff>143328</xdr:rowOff>
    </xdr:to>
    <xdr:sp macro="" textlink="">
      <xdr:nvSpPr>
        <xdr:cNvPr id="66" name="フローチャート: 判断 65"/>
        <xdr:cNvSpPr/>
      </xdr:nvSpPr>
      <xdr:spPr>
        <a:xfrm>
          <a:off x="2514600" y="6244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3</xdr:rowOff>
    </xdr:from>
    <xdr:to>
      <xdr:col>10</xdr:col>
      <xdr:colOff>165100</xdr:colOff>
      <xdr:row>37</xdr:row>
      <xdr:rowOff>117203</xdr:rowOff>
    </xdr:to>
    <xdr:sp macro="" textlink="">
      <xdr:nvSpPr>
        <xdr:cNvPr id="67" name="フローチャート: 判断 66"/>
        <xdr:cNvSpPr/>
      </xdr:nvSpPr>
      <xdr:spPr>
        <a:xfrm>
          <a:off x="1739900" y="6218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72</xdr:rowOff>
    </xdr:from>
    <xdr:to>
      <xdr:col>6</xdr:col>
      <xdr:colOff>38100</xdr:colOff>
      <xdr:row>37</xdr:row>
      <xdr:rowOff>110672</xdr:rowOff>
    </xdr:to>
    <xdr:sp macro="" textlink="">
      <xdr:nvSpPr>
        <xdr:cNvPr id="68" name="フローチャート: 判断 67"/>
        <xdr:cNvSpPr/>
      </xdr:nvSpPr>
      <xdr:spPr>
        <a:xfrm>
          <a:off x="965200" y="621175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90714</xdr:rowOff>
    </xdr:from>
    <xdr:to>
      <xdr:col>24</xdr:col>
      <xdr:colOff>114300</xdr:colOff>
      <xdr:row>37</xdr:row>
      <xdr:rowOff>20864</xdr:rowOff>
    </xdr:to>
    <xdr:sp macro="" textlink="">
      <xdr:nvSpPr>
        <xdr:cNvPr id="74" name="楕円 73"/>
        <xdr:cNvSpPr/>
      </xdr:nvSpPr>
      <xdr:spPr>
        <a:xfrm>
          <a:off x="4036060" y="612575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13591</xdr:rowOff>
    </xdr:from>
    <xdr:ext cx="405111" cy="259045"/>
    <xdr:sp macro="" textlink="">
      <xdr:nvSpPr>
        <xdr:cNvPr id="75" name="【図書館】&#10;有形固定資産減価償却率該当値テキスト"/>
        <xdr:cNvSpPr txBox="1"/>
      </xdr:nvSpPr>
      <xdr:spPr>
        <a:xfrm>
          <a:off x="4124960" y="5980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49893</xdr:rowOff>
    </xdr:from>
    <xdr:to>
      <xdr:col>20</xdr:col>
      <xdr:colOff>38100</xdr:colOff>
      <xdr:row>36</xdr:row>
      <xdr:rowOff>151493</xdr:rowOff>
    </xdr:to>
    <xdr:sp macro="" textlink="">
      <xdr:nvSpPr>
        <xdr:cNvPr id="76" name="楕円 75"/>
        <xdr:cNvSpPr/>
      </xdr:nvSpPr>
      <xdr:spPr>
        <a:xfrm>
          <a:off x="3312160" y="608493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00693</xdr:rowOff>
    </xdr:from>
    <xdr:to>
      <xdr:col>24</xdr:col>
      <xdr:colOff>63500</xdr:colOff>
      <xdr:row>36</xdr:row>
      <xdr:rowOff>141514</xdr:rowOff>
    </xdr:to>
    <xdr:cxnSp macro="">
      <xdr:nvCxnSpPr>
        <xdr:cNvPr id="77" name="直線コネクタ 76"/>
        <xdr:cNvCxnSpPr/>
      </xdr:nvCxnSpPr>
      <xdr:spPr>
        <a:xfrm>
          <a:off x="3355340" y="6135733"/>
          <a:ext cx="73152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9072</xdr:rowOff>
    </xdr:from>
    <xdr:to>
      <xdr:col>15</xdr:col>
      <xdr:colOff>101600</xdr:colOff>
      <xdr:row>36</xdr:row>
      <xdr:rowOff>110672</xdr:rowOff>
    </xdr:to>
    <xdr:sp macro="" textlink="">
      <xdr:nvSpPr>
        <xdr:cNvPr id="78" name="楕円 77"/>
        <xdr:cNvSpPr/>
      </xdr:nvSpPr>
      <xdr:spPr>
        <a:xfrm>
          <a:off x="2514600" y="6044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59872</xdr:rowOff>
    </xdr:from>
    <xdr:to>
      <xdr:col>19</xdr:col>
      <xdr:colOff>177800</xdr:colOff>
      <xdr:row>36</xdr:row>
      <xdr:rowOff>100693</xdr:rowOff>
    </xdr:to>
    <xdr:cxnSp macro="">
      <xdr:nvCxnSpPr>
        <xdr:cNvPr id="79" name="直線コネクタ 78"/>
        <xdr:cNvCxnSpPr/>
      </xdr:nvCxnSpPr>
      <xdr:spPr>
        <a:xfrm>
          <a:off x="2565400" y="6094912"/>
          <a:ext cx="78994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39700</xdr:rowOff>
    </xdr:from>
    <xdr:to>
      <xdr:col>10</xdr:col>
      <xdr:colOff>165100</xdr:colOff>
      <xdr:row>36</xdr:row>
      <xdr:rowOff>69850</xdr:rowOff>
    </xdr:to>
    <xdr:sp macro="" textlink="">
      <xdr:nvSpPr>
        <xdr:cNvPr id="80" name="楕円 79"/>
        <xdr:cNvSpPr/>
      </xdr:nvSpPr>
      <xdr:spPr>
        <a:xfrm>
          <a:off x="1739900" y="60071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9050</xdr:rowOff>
    </xdr:from>
    <xdr:to>
      <xdr:col>15</xdr:col>
      <xdr:colOff>50800</xdr:colOff>
      <xdr:row>36</xdr:row>
      <xdr:rowOff>59872</xdr:rowOff>
    </xdr:to>
    <xdr:cxnSp macro="">
      <xdr:nvCxnSpPr>
        <xdr:cNvPr id="81" name="直線コネクタ 80"/>
        <xdr:cNvCxnSpPr/>
      </xdr:nvCxnSpPr>
      <xdr:spPr>
        <a:xfrm>
          <a:off x="1790700" y="6054090"/>
          <a:ext cx="7747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98878</xdr:rowOff>
    </xdr:from>
    <xdr:to>
      <xdr:col>6</xdr:col>
      <xdr:colOff>38100</xdr:colOff>
      <xdr:row>36</xdr:row>
      <xdr:rowOff>29028</xdr:rowOff>
    </xdr:to>
    <xdr:sp macro="" textlink="">
      <xdr:nvSpPr>
        <xdr:cNvPr id="82" name="楕円 81"/>
        <xdr:cNvSpPr/>
      </xdr:nvSpPr>
      <xdr:spPr>
        <a:xfrm>
          <a:off x="965200" y="59662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49678</xdr:rowOff>
    </xdr:from>
    <xdr:to>
      <xdr:col>10</xdr:col>
      <xdr:colOff>114300</xdr:colOff>
      <xdr:row>36</xdr:row>
      <xdr:rowOff>19050</xdr:rowOff>
    </xdr:to>
    <xdr:cxnSp macro="">
      <xdr:nvCxnSpPr>
        <xdr:cNvPr id="83" name="直線コネクタ 82"/>
        <xdr:cNvCxnSpPr/>
      </xdr:nvCxnSpPr>
      <xdr:spPr>
        <a:xfrm>
          <a:off x="1008380" y="6017078"/>
          <a:ext cx="782320" cy="37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2194</xdr:rowOff>
    </xdr:from>
    <xdr:ext cx="405111" cy="259045"/>
    <xdr:sp macro="" textlink="">
      <xdr:nvSpPr>
        <xdr:cNvPr id="84" name="n_1aveValue【図書館】&#10;有形固定資産減価償却率"/>
        <xdr:cNvSpPr txBox="1"/>
      </xdr:nvSpPr>
      <xdr:spPr>
        <a:xfrm>
          <a:off x="3170564" y="6372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34455</xdr:rowOff>
    </xdr:from>
    <xdr:ext cx="405111" cy="259045"/>
    <xdr:sp macro="" textlink="">
      <xdr:nvSpPr>
        <xdr:cNvPr id="85" name="n_2aveValue【図書館】&#10;有形固定資産減価償却率"/>
        <xdr:cNvSpPr txBox="1"/>
      </xdr:nvSpPr>
      <xdr:spPr>
        <a:xfrm>
          <a:off x="2385704" y="6337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08330</xdr:rowOff>
    </xdr:from>
    <xdr:ext cx="405111" cy="259045"/>
    <xdr:sp macro="" textlink="">
      <xdr:nvSpPr>
        <xdr:cNvPr id="86" name="n_3aveValue【図書館】&#10;有形固定資産減価償却率"/>
        <xdr:cNvSpPr txBox="1"/>
      </xdr:nvSpPr>
      <xdr:spPr>
        <a:xfrm>
          <a:off x="1611004" y="6311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01799</xdr:rowOff>
    </xdr:from>
    <xdr:ext cx="405111" cy="259045"/>
    <xdr:sp macro="" textlink="">
      <xdr:nvSpPr>
        <xdr:cNvPr id="87" name="n_4aveValue【図書館】&#10;有形固定資産減価償却率"/>
        <xdr:cNvSpPr txBox="1"/>
      </xdr:nvSpPr>
      <xdr:spPr>
        <a:xfrm>
          <a:off x="836304" y="6304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68020</xdr:rowOff>
    </xdr:from>
    <xdr:ext cx="405111" cy="259045"/>
    <xdr:sp macro="" textlink="">
      <xdr:nvSpPr>
        <xdr:cNvPr id="88" name="n_1mainValue【図書館】&#10;有形固定資産減価償却率"/>
        <xdr:cNvSpPr txBox="1"/>
      </xdr:nvSpPr>
      <xdr:spPr>
        <a:xfrm>
          <a:off x="3170564" y="58677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27199</xdr:rowOff>
    </xdr:from>
    <xdr:ext cx="405111" cy="259045"/>
    <xdr:sp macro="" textlink="">
      <xdr:nvSpPr>
        <xdr:cNvPr id="89" name="n_2mainValue【図書館】&#10;有形固定資産減価償却率"/>
        <xdr:cNvSpPr txBox="1"/>
      </xdr:nvSpPr>
      <xdr:spPr>
        <a:xfrm>
          <a:off x="2385704" y="58269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86377</xdr:rowOff>
    </xdr:from>
    <xdr:ext cx="405111" cy="259045"/>
    <xdr:sp macro="" textlink="">
      <xdr:nvSpPr>
        <xdr:cNvPr id="90" name="n_3mainValue【図書館】&#10;有形固定資産減価償却率"/>
        <xdr:cNvSpPr txBox="1"/>
      </xdr:nvSpPr>
      <xdr:spPr>
        <a:xfrm>
          <a:off x="1611004" y="578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45555</xdr:rowOff>
    </xdr:from>
    <xdr:ext cx="405111" cy="259045"/>
    <xdr:sp macro="" textlink="">
      <xdr:nvSpPr>
        <xdr:cNvPr id="91" name="n_4mainValue【図書館】&#10;有形固定資産減価償却率"/>
        <xdr:cNvSpPr txBox="1"/>
      </xdr:nvSpPr>
      <xdr:spPr>
        <a:xfrm>
          <a:off x="836304" y="5745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0490</xdr:rowOff>
    </xdr:from>
    <xdr:to>
      <xdr:col>54</xdr:col>
      <xdr:colOff>189865</xdr:colOff>
      <xdr:row>42</xdr:row>
      <xdr:rowOff>7620</xdr:rowOff>
    </xdr:to>
    <xdr:cxnSp macro="">
      <xdr:nvCxnSpPr>
        <xdr:cNvPr id="115" name="直線コネクタ 114"/>
        <xdr:cNvCxnSpPr/>
      </xdr:nvCxnSpPr>
      <xdr:spPr>
        <a:xfrm flipV="1">
          <a:off x="9219565" y="581025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1447</xdr:rowOff>
    </xdr:from>
    <xdr:ext cx="469744" cy="259045"/>
    <xdr:sp macro="" textlink="">
      <xdr:nvSpPr>
        <xdr:cNvPr id="116" name="【図書館】&#10;一人当たり面積最小値テキスト"/>
        <xdr:cNvSpPr txBox="1"/>
      </xdr:nvSpPr>
      <xdr:spPr>
        <a:xfrm>
          <a:off x="9258300"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xdr:rowOff>
    </xdr:from>
    <xdr:to>
      <xdr:col>55</xdr:col>
      <xdr:colOff>88900</xdr:colOff>
      <xdr:row>42</xdr:row>
      <xdr:rowOff>7620</xdr:rowOff>
    </xdr:to>
    <xdr:cxnSp macro="">
      <xdr:nvCxnSpPr>
        <xdr:cNvPr id="117" name="直線コネクタ 116"/>
        <xdr:cNvCxnSpPr/>
      </xdr:nvCxnSpPr>
      <xdr:spPr>
        <a:xfrm>
          <a:off x="9154160" y="70485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7167</xdr:rowOff>
    </xdr:from>
    <xdr:ext cx="469744" cy="259045"/>
    <xdr:sp macro="" textlink="">
      <xdr:nvSpPr>
        <xdr:cNvPr id="118" name="【図書館】&#10;一人当たり面積最大値テキスト"/>
        <xdr:cNvSpPr txBox="1"/>
      </xdr:nvSpPr>
      <xdr:spPr>
        <a:xfrm>
          <a:off x="9258300" y="5589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0490</xdr:rowOff>
    </xdr:from>
    <xdr:to>
      <xdr:col>55</xdr:col>
      <xdr:colOff>88900</xdr:colOff>
      <xdr:row>34</xdr:row>
      <xdr:rowOff>110490</xdr:rowOff>
    </xdr:to>
    <xdr:cxnSp macro="">
      <xdr:nvCxnSpPr>
        <xdr:cNvPr id="119" name="直線コネクタ 118"/>
        <xdr:cNvCxnSpPr/>
      </xdr:nvCxnSpPr>
      <xdr:spPr>
        <a:xfrm>
          <a:off x="9154160" y="58102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0977</xdr:rowOff>
    </xdr:from>
    <xdr:ext cx="469744" cy="259045"/>
    <xdr:sp macro="" textlink="">
      <xdr:nvSpPr>
        <xdr:cNvPr id="120" name="【図書館】&#10;一人当たり面積平均値テキスト"/>
        <xdr:cNvSpPr txBox="1"/>
      </xdr:nvSpPr>
      <xdr:spPr>
        <a:xfrm>
          <a:off x="9258300" y="67665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2550</xdr:rowOff>
    </xdr:from>
    <xdr:to>
      <xdr:col>55</xdr:col>
      <xdr:colOff>50800</xdr:colOff>
      <xdr:row>41</xdr:row>
      <xdr:rowOff>12700</xdr:rowOff>
    </xdr:to>
    <xdr:sp macro="" textlink="">
      <xdr:nvSpPr>
        <xdr:cNvPr id="121" name="フローチャート: 判断 120"/>
        <xdr:cNvSpPr/>
      </xdr:nvSpPr>
      <xdr:spPr>
        <a:xfrm>
          <a:off x="9192260" y="678815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6360</xdr:rowOff>
    </xdr:from>
    <xdr:to>
      <xdr:col>50</xdr:col>
      <xdr:colOff>165100</xdr:colOff>
      <xdr:row>41</xdr:row>
      <xdr:rowOff>16510</xdr:rowOff>
    </xdr:to>
    <xdr:sp macro="" textlink="">
      <xdr:nvSpPr>
        <xdr:cNvPr id="122" name="フローチャート: 判断 121"/>
        <xdr:cNvSpPr/>
      </xdr:nvSpPr>
      <xdr:spPr>
        <a:xfrm>
          <a:off x="8445500" y="67919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0170</xdr:rowOff>
    </xdr:from>
    <xdr:to>
      <xdr:col>46</xdr:col>
      <xdr:colOff>38100</xdr:colOff>
      <xdr:row>41</xdr:row>
      <xdr:rowOff>20320</xdr:rowOff>
    </xdr:to>
    <xdr:sp macro="" textlink="">
      <xdr:nvSpPr>
        <xdr:cNvPr id="123" name="フローチャート: 判断 122"/>
        <xdr:cNvSpPr/>
      </xdr:nvSpPr>
      <xdr:spPr>
        <a:xfrm>
          <a:off x="7670800" y="67957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1600</xdr:rowOff>
    </xdr:from>
    <xdr:to>
      <xdr:col>41</xdr:col>
      <xdr:colOff>101600</xdr:colOff>
      <xdr:row>41</xdr:row>
      <xdr:rowOff>31750</xdr:rowOff>
    </xdr:to>
    <xdr:sp macro="" textlink="">
      <xdr:nvSpPr>
        <xdr:cNvPr id="124" name="フローチャート: 判断 123"/>
        <xdr:cNvSpPr/>
      </xdr:nvSpPr>
      <xdr:spPr>
        <a:xfrm>
          <a:off x="6873240" y="68072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25" name="フローチャート: 判断 124"/>
        <xdr:cNvSpPr/>
      </xdr:nvSpPr>
      <xdr:spPr>
        <a:xfrm>
          <a:off x="6098540" y="6818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29210</xdr:rowOff>
    </xdr:from>
    <xdr:to>
      <xdr:col>55</xdr:col>
      <xdr:colOff>50800</xdr:colOff>
      <xdr:row>40</xdr:row>
      <xdr:rowOff>130810</xdr:rowOff>
    </xdr:to>
    <xdr:sp macro="" textlink="">
      <xdr:nvSpPr>
        <xdr:cNvPr id="131" name="楕円 130"/>
        <xdr:cNvSpPr/>
      </xdr:nvSpPr>
      <xdr:spPr>
        <a:xfrm>
          <a:off x="9192260" y="673481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52087</xdr:rowOff>
    </xdr:from>
    <xdr:ext cx="469744" cy="259045"/>
    <xdr:sp macro="" textlink="">
      <xdr:nvSpPr>
        <xdr:cNvPr id="132" name="【図書館】&#10;一人当たり面積該当値テキスト"/>
        <xdr:cNvSpPr txBox="1"/>
      </xdr:nvSpPr>
      <xdr:spPr>
        <a:xfrm>
          <a:off x="9258300" y="659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29210</xdr:rowOff>
    </xdr:from>
    <xdr:to>
      <xdr:col>50</xdr:col>
      <xdr:colOff>165100</xdr:colOff>
      <xdr:row>40</xdr:row>
      <xdr:rowOff>130810</xdr:rowOff>
    </xdr:to>
    <xdr:sp macro="" textlink="">
      <xdr:nvSpPr>
        <xdr:cNvPr id="133" name="楕円 132"/>
        <xdr:cNvSpPr/>
      </xdr:nvSpPr>
      <xdr:spPr>
        <a:xfrm>
          <a:off x="844550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80010</xdr:rowOff>
    </xdr:from>
    <xdr:to>
      <xdr:col>55</xdr:col>
      <xdr:colOff>0</xdr:colOff>
      <xdr:row>40</xdr:row>
      <xdr:rowOff>80010</xdr:rowOff>
    </xdr:to>
    <xdr:cxnSp macro="">
      <xdr:nvCxnSpPr>
        <xdr:cNvPr id="134" name="直線コネクタ 133"/>
        <xdr:cNvCxnSpPr/>
      </xdr:nvCxnSpPr>
      <xdr:spPr>
        <a:xfrm>
          <a:off x="8496300" y="678561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29210</xdr:rowOff>
    </xdr:from>
    <xdr:to>
      <xdr:col>46</xdr:col>
      <xdr:colOff>38100</xdr:colOff>
      <xdr:row>40</xdr:row>
      <xdr:rowOff>130810</xdr:rowOff>
    </xdr:to>
    <xdr:sp macro="" textlink="">
      <xdr:nvSpPr>
        <xdr:cNvPr id="135" name="楕円 134"/>
        <xdr:cNvSpPr/>
      </xdr:nvSpPr>
      <xdr:spPr>
        <a:xfrm>
          <a:off x="7670800" y="673481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80010</xdr:rowOff>
    </xdr:from>
    <xdr:to>
      <xdr:col>50</xdr:col>
      <xdr:colOff>114300</xdr:colOff>
      <xdr:row>40</xdr:row>
      <xdr:rowOff>80010</xdr:rowOff>
    </xdr:to>
    <xdr:cxnSp macro="">
      <xdr:nvCxnSpPr>
        <xdr:cNvPr id="136" name="直線コネクタ 135"/>
        <xdr:cNvCxnSpPr/>
      </xdr:nvCxnSpPr>
      <xdr:spPr>
        <a:xfrm>
          <a:off x="7713980" y="678561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29210</xdr:rowOff>
    </xdr:from>
    <xdr:to>
      <xdr:col>41</xdr:col>
      <xdr:colOff>101600</xdr:colOff>
      <xdr:row>40</xdr:row>
      <xdr:rowOff>130810</xdr:rowOff>
    </xdr:to>
    <xdr:sp macro="" textlink="">
      <xdr:nvSpPr>
        <xdr:cNvPr id="137" name="楕円 136"/>
        <xdr:cNvSpPr/>
      </xdr:nvSpPr>
      <xdr:spPr>
        <a:xfrm>
          <a:off x="687324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80010</xdr:rowOff>
    </xdr:from>
    <xdr:to>
      <xdr:col>45</xdr:col>
      <xdr:colOff>177800</xdr:colOff>
      <xdr:row>40</xdr:row>
      <xdr:rowOff>80010</xdr:rowOff>
    </xdr:to>
    <xdr:cxnSp macro="">
      <xdr:nvCxnSpPr>
        <xdr:cNvPr id="138" name="直線コネクタ 137"/>
        <xdr:cNvCxnSpPr/>
      </xdr:nvCxnSpPr>
      <xdr:spPr>
        <a:xfrm>
          <a:off x="6924040" y="678561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25400</xdr:rowOff>
    </xdr:from>
    <xdr:to>
      <xdr:col>36</xdr:col>
      <xdr:colOff>165100</xdr:colOff>
      <xdr:row>40</xdr:row>
      <xdr:rowOff>127000</xdr:rowOff>
    </xdr:to>
    <xdr:sp macro="" textlink="">
      <xdr:nvSpPr>
        <xdr:cNvPr id="139" name="楕円 138"/>
        <xdr:cNvSpPr/>
      </xdr:nvSpPr>
      <xdr:spPr>
        <a:xfrm>
          <a:off x="609854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76200</xdr:rowOff>
    </xdr:from>
    <xdr:to>
      <xdr:col>41</xdr:col>
      <xdr:colOff>50800</xdr:colOff>
      <xdr:row>40</xdr:row>
      <xdr:rowOff>80010</xdr:rowOff>
    </xdr:to>
    <xdr:cxnSp macro="">
      <xdr:nvCxnSpPr>
        <xdr:cNvPr id="140" name="直線コネクタ 139"/>
        <xdr:cNvCxnSpPr/>
      </xdr:nvCxnSpPr>
      <xdr:spPr>
        <a:xfrm>
          <a:off x="6149340" y="6781800"/>
          <a:ext cx="7747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7637</xdr:rowOff>
    </xdr:from>
    <xdr:ext cx="469744" cy="259045"/>
    <xdr:sp macro="" textlink="">
      <xdr:nvSpPr>
        <xdr:cNvPr id="141" name="n_1aveValue【図書館】&#10;一人当たり面積"/>
        <xdr:cNvSpPr txBox="1"/>
      </xdr:nvSpPr>
      <xdr:spPr>
        <a:xfrm>
          <a:off x="8271587" y="6880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447</xdr:rowOff>
    </xdr:from>
    <xdr:ext cx="469744" cy="259045"/>
    <xdr:sp macro="" textlink="">
      <xdr:nvSpPr>
        <xdr:cNvPr id="142" name="n_2aveValue【図書館】&#10;一人当たり面積"/>
        <xdr:cNvSpPr txBox="1"/>
      </xdr:nvSpPr>
      <xdr:spPr>
        <a:xfrm>
          <a:off x="750958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22877</xdr:rowOff>
    </xdr:from>
    <xdr:ext cx="469744" cy="259045"/>
    <xdr:sp macro="" textlink="">
      <xdr:nvSpPr>
        <xdr:cNvPr id="143" name="n_3aveValue【図書館】&#10;一人当たり面積"/>
        <xdr:cNvSpPr txBox="1"/>
      </xdr:nvSpPr>
      <xdr:spPr>
        <a:xfrm>
          <a:off x="6712027" y="689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4307</xdr:rowOff>
    </xdr:from>
    <xdr:ext cx="469744" cy="259045"/>
    <xdr:sp macro="" textlink="">
      <xdr:nvSpPr>
        <xdr:cNvPr id="144" name="n_4aveValue【図書館】&#10;一人当たり面積"/>
        <xdr:cNvSpPr txBox="1"/>
      </xdr:nvSpPr>
      <xdr:spPr>
        <a:xfrm>
          <a:off x="593732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47337</xdr:rowOff>
    </xdr:from>
    <xdr:ext cx="469744" cy="259045"/>
    <xdr:sp macro="" textlink="">
      <xdr:nvSpPr>
        <xdr:cNvPr id="145" name="n_1mainValue【図書館】&#10;一人当たり面積"/>
        <xdr:cNvSpPr txBox="1"/>
      </xdr:nvSpPr>
      <xdr:spPr>
        <a:xfrm>
          <a:off x="8271587" y="651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47337</xdr:rowOff>
    </xdr:from>
    <xdr:ext cx="469744" cy="259045"/>
    <xdr:sp macro="" textlink="">
      <xdr:nvSpPr>
        <xdr:cNvPr id="146" name="n_2mainValue【図書館】&#10;一人当たり面積"/>
        <xdr:cNvSpPr txBox="1"/>
      </xdr:nvSpPr>
      <xdr:spPr>
        <a:xfrm>
          <a:off x="7509587" y="651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47337</xdr:rowOff>
    </xdr:from>
    <xdr:ext cx="469744" cy="259045"/>
    <xdr:sp macro="" textlink="">
      <xdr:nvSpPr>
        <xdr:cNvPr id="147" name="n_3mainValue【図書館】&#10;一人当たり面積"/>
        <xdr:cNvSpPr txBox="1"/>
      </xdr:nvSpPr>
      <xdr:spPr>
        <a:xfrm>
          <a:off x="6712027" y="651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43527</xdr:rowOff>
    </xdr:from>
    <xdr:ext cx="469744" cy="259045"/>
    <xdr:sp macro="" textlink="">
      <xdr:nvSpPr>
        <xdr:cNvPr id="148" name="n_4mainValue【図書館】&#10;一人当たり面積"/>
        <xdr:cNvSpPr txBox="1"/>
      </xdr:nvSpPr>
      <xdr:spPr>
        <a:xfrm>
          <a:off x="59373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8590</xdr:rowOff>
    </xdr:from>
    <xdr:to>
      <xdr:col>24</xdr:col>
      <xdr:colOff>62865</xdr:colOff>
      <xdr:row>64</xdr:row>
      <xdr:rowOff>130628</xdr:rowOff>
    </xdr:to>
    <xdr:cxnSp macro="">
      <xdr:nvCxnSpPr>
        <xdr:cNvPr id="174" name="直線コネクタ 173"/>
        <xdr:cNvCxnSpPr/>
      </xdr:nvCxnSpPr>
      <xdr:spPr>
        <a:xfrm flipV="1">
          <a:off x="4086225" y="9368790"/>
          <a:ext cx="0" cy="1490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xdr:cNvSpPr txBox="1"/>
      </xdr:nvSpPr>
      <xdr:spPr>
        <a:xfrm>
          <a:off x="412496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xdr:cNvCxnSpPr/>
      </xdr:nvCxnSpPr>
      <xdr:spPr>
        <a:xfrm>
          <a:off x="402082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5267</xdr:rowOff>
    </xdr:from>
    <xdr:ext cx="340478" cy="259045"/>
    <xdr:sp macro="" textlink="">
      <xdr:nvSpPr>
        <xdr:cNvPr id="177" name="【体育館・プール】&#10;有形固定資産減価償却率最大値テキスト"/>
        <xdr:cNvSpPr txBox="1"/>
      </xdr:nvSpPr>
      <xdr:spPr>
        <a:xfrm>
          <a:off x="4124960" y="91478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8590</xdr:rowOff>
    </xdr:from>
    <xdr:to>
      <xdr:col>24</xdr:col>
      <xdr:colOff>152400</xdr:colOff>
      <xdr:row>55</xdr:row>
      <xdr:rowOff>148590</xdr:rowOff>
    </xdr:to>
    <xdr:cxnSp macro="">
      <xdr:nvCxnSpPr>
        <xdr:cNvPr id="178" name="直線コネクタ 177"/>
        <xdr:cNvCxnSpPr/>
      </xdr:nvCxnSpPr>
      <xdr:spPr>
        <a:xfrm>
          <a:off x="4020820" y="93687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2087</xdr:rowOff>
    </xdr:from>
    <xdr:ext cx="405111" cy="259045"/>
    <xdr:sp macro="" textlink="">
      <xdr:nvSpPr>
        <xdr:cNvPr id="179" name="【体育館・プール】&#10;有形固定資産減価償却率平均値テキスト"/>
        <xdr:cNvSpPr txBox="1"/>
      </xdr:nvSpPr>
      <xdr:spPr>
        <a:xfrm>
          <a:off x="4124960" y="101104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29210</xdr:rowOff>
    </xdr:from>
    <xdr:to>
      <xdr:col>24</xdr:col>
      <xdr:colOff>114300</xdr:colOff>
      <xdr:row>61</xdr:row>
      <xdr:rowOff>130810</xdr:rowOff>
    </xdr:to>
    <xdr:sp macro="" textlink="">
      <xdr:nvSpPr>
        <xdr:cNvPr id="180" name="フローチャート: 判断 179"/>
        <xdr:cNvSpPr/>
      </xdr:nvSpPr>
      <xdr:spPr>
        <a:xfrm>
          <a:off x="4036060" y="1025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25944</xdr:rowOff>
    </xdr:from>
    <xdr:to>
      <xdr:col>20</xdr:col>
      <xdr:colOff>38100</xdr:colOff>
      <xdr:row>61</xdr:row>
      <xdr:rowOff>127544</xdr:rowOff>
    </xdr:to>
    <xdr:sp macro="" textlink="">
      <xdr:nvSpPr>
        <xdr:cNvPr id="181" name="フローチャート: 判断 180"/>
        <xdr:cNvSpPr/>
      </xdr:nvSpPr>
      <xdr:spPr>
        <a:xfrm>
          <a:off x="3312160" y="1025198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515</xdr:rowOff>
    </xdr:from>
    <xdr:to>
      <xdr:col>15</xdr:col>
      <xdr:colOff>101600</xdr:colOff>
      <xdr:row>61</xdr:row>
      <xdr:rowOff>116115</xdr:rowOff>
    </xdr:to>
    <xdr:sp macro="" textlink="">
      <xdr:nvSpPr>
        <xdr:cNvPr id="182" name="フローチャート: 判断 181"/>
        <xdr:cNvSpPr/>
      </xdr:nvSpPr>
      <xdr:spPr>
        <a:xfrm>
          <a:off x="2514600" y="10240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71269</xdr:rowOff>
    </xdr:from>
    <xdr:to>
      <xdr:col>10</xdr:col>
      <xdr:colOff>165100</xdr:colOff>
      <xdr:row>61</xdr:row>
      <xdr:rowOff>101419</xdr:rowOff>
    </xdr:to>
    <xdr:sp macro="" textlink="">
      <xdr:nvSpPr>
        <xdr:cNvPr id="183" name="フローチャート: 判断 182"/>
        <xdr:cNvSpPr/>
      </xdr:nvSpPr>
      <xdr:spPr>
        <a:xfrm>
          <a:off x="1739900" y="1022966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48409</xdr:rowOff>
    </xdr:from>
    <xdr:to>
      <xdr:col>6</xdr:col>
      <xdr:colOff>38100</xdr:colOff>
      <xdr:row>61</xdr:row>
      <xdr:rowOff>78559</xdr:rowOff>
    </xdr:to>
    <xdr:sp macro="" textlink="">
      <xdr:nvSpPr>
        <xdr:cNvPr id="184" name="フローチャート: 判断 183"/>
        <xdr:cNvSpPr/>
      </xdr:nvSpPr>
      <xdr:spPr>
        <a:xfrm>
          <a:off x="965200" y="1020680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65133</xdr:rowOff>
    </xdr:from>
    <xdr:to>
      <xdr:col>24</xdr:col>
      <xdr:colOff>114300</xdr:colOff>
      <xdr:row>61</xdr:row>
      <xdr:rowOff>166733</xdr:rowOff>
    </xdr:to>
    <xdr:sp macro="" textlink="">
      <xdr:nvSpPr>
        <xdr:cNvPr id="190" name="楕円 189"/>
        <xdr:cNvSpPr/>
      </xdr:nvSpPr>
      <xdr:spPr>
        <a:xfrm>
          <a:off x="4036060" y="10291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43560</xdr:rowOff>
    </xdr:from>
    <xdr:ext cx="405111" cy="259045"/>
    <xdr:sp macro="" textlink="">
      <xdr:nvSpPr>
        <xdr:cNvPr id="191" name="【体育館・プール】&#10;有形固定資産減価償却率該当値テキスト"/>
        <xdr:cNvSpPr txBox="1"/>
      </xdr:nvSpPr>
      <xdr:spPr>
        <a:xfrm>
          <a:off x="4124960" y="102696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6147</xdr:rowOff>
    </xdr:from>
    <xdr:to>
      <xdr:col>20</xdr:col>
      <xdr:colOff>38100</xdr:colOff>
      <xdr:row>61</xdr:row>
      <xdr:rowOff>117747</xdr:rowOff>
    </xdr:to>
    <xdr:sp macro="" textlink="">
      <xdr:nvSpPr>
        <xdr:cNvPr id="192" name="楕円 191"/>
        <xdr:cNvSpPr/>
      </xdr:nvSpPr>
      <xdr:spPr>
        <a:xfrm>
          <a:off x="3312160" y="1024218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66947</xdr:rowOff>
    </xdr:from>
    <xdr:to>
      <xdr:col>24</xdr:col>
      <xdr:colOff>63500</xdr:colOff>
      <xdr:row>61</xdr:row>
      <xdr:rowOff>115933</xdr:rowOff>
    </xdr:to>
    <xdr:cxnSp macro="">
      <xdr:nvCxnSpPr>
        <xdr:cNvPr id="193" name="直線コネクタ 192"/>
        <xdr:cNvCxnSpPr/>
      </xdr:nvCxnSpPr>
      <xdr:spPr>
        <a:xfrm>
          <a:off x="3355340" y="10292987"/>
          <a:ext cx="73152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73297</xdr:rowOff>
    </xdr:from>
    <xdr:to>
      <xdr:col>15</xdr:col>
      <xdr:colOff>101600</xdr:colOff>
      <xdr:row>62</xdr:row>
      <xdr:rowOff>3447</xdr:rowOff>
    </xdr:to>
    <xdr:sp macro="" textlink="">
      <xdr:nvSpPr>
        <xdr:cNvPr id="194" name="楕円 193"/>
        <xdr:cNvSpPr/>
      </xdr:nvSpPr>
      <xdr:spPr>
        <a:xfrm>
          <a:off x="2514600" y="1029933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66947</xdr:rowOff>
    </xdr:from>
    <xdr:to>
      <xdr:col>19</xdr:col>
      <xdr:colOff>177800</xdr:colOff>
      <xdr:row>61</xdr:row>
      <xdr:rowOff>124097</xdr:rowOff>
    </xdr:to>
    <xdr:cxnSp macro="">
      <xdr:nvCxnSpPr>
        <xdr:cNvPr id="195" name="直線コネクタ 194"/>
        <xdr:cNvCxnSpPr/>
      </xdr:nvCxnSpPr>
      <xdr:spPr>
        <a:xfrm flipV="1">
          <a:off x="2565400" y="10292987"/>
          <a:ext cx="78994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27577</xdr:rowOff>
    </xdr:from>
    <xdr:to>
      <xdr:col>10</xdr:col>
      <xdr:colOff>165100</xdr:colOff>
      <xdr:row>61</xdr:row>
      <xdr:rowOff>129177</xdr:rowOff>
    </xdr:to>
    <xdr:sp macro="" textlink="">
      <xdr:nvSpPr>
        <xdr:cNvPr id="196" name="楕円 195"/>
        <xdr:cNvSpPr/>
      </xdr:nvSpPr>
      <xdr:spPr>
        <a:xfrm>
          <a:off x="1739900" y="10253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78377</xdr:rowOff>
    </xdr:from>
    <xdr:to>
      <xdr:col>15</xdr:col>
      <xdr:colOff>50800</xdr:colOff>
      <xdr:row>61</xdr:row>
      <xdr:rowOff>124097</xdr:rowOff>
    </xdr:to>
    <xdr:cxnSp macro="">
      <xdr:nvCxnSpPr>
        <xdr:cNvPr id="197" name="直線コネクタ 196"/>
        <xdr:cNvCxnSpPr/>
      </xdr:nvCxnSpPr>
      <xdr:spPr>
        <a:xfrm>
          <a:off x="1790700" y="10304417"/>
          <a:ext cx="7747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53307</xdr:rowOff>
    </xdr:from>
    <xdr:to>
      <xdr:col>6</xdr:col>
      <xdr:colOff>38100</xdr:colOff>
      <xdr:row>61</xdr:row>
      <xdr:rowOff>83457</xdr:rowOff>
    </xdr:to>
    <xdr:sp macro="" textlink="">
      <xdr:nvSpPr>
        <xdr:cNvPr id="198" name="楕円 197"/>
        <xdr:cNvSpPr/>
      </xdr:nvSpPr>
      <xdr:spPr>
        <a:xfrm>
          <a:off x="965200" y="1021170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32657</xdr:rowOff>
    </xdr:from>
    <xdr:to>
      <xdr:col>10</xdr:col>
      <xdr:colOff>114300</xdr:colOff>
      <xdr:row>61</xdr:row>
      <xdr:rowOff>78377</xdr:rowOff>
    </xdr:to>
    <xdr:cxnSp macro="">
      <xdr:nvCxnSpPr>
        <xdr:cNvPr id="199" name="直線コネクタ 198"/>
        <xdr:cNvCxnSpPr/>
      </xdr:nvCxnSpPr>
      <xdr:spPr>
        <a:xfrm>
          <a:off x="1008380" y="10258697"/>
          <a:ext cx="78232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18671</xdr:rowOff>
    </xdr:from>
    <xdr:ext cx="405111" cy="259045"/>
    <xdr:sp macro="" textlink="">
      <xdr:nvSpPr>
        <xdr:cNvPr id="200" name="n_1aveValue【体育館・プール】&#10;有形固定資産減価償却率"/>
        <xdr:cNvSpPr txBox="1"/>
      </xdr:nvSpPr>
      <xdr:spPr>
        <a:xfrm>
          <a:off x="3170564" y="103447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32642</xdr:rowOff>
    </xdr:from>
    <xdr:ext cx="405111" cy="259045"/>
    <xdr:sp macro="" textlink="">
      <xdr:nvSpPr>
        <xdr:cNvPr id="201" name="n_2aveValue【体育館・プール】&#10;有形固定資産減価償却率"/>
        <xdr:cNvSpPr txBox="1"/>
      </xdr:nvSpPr>
      <xdr:spPr>
        <a:xfrm>
          <a:off x="2385704" y="10023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17946</xdr:rowOff>
    </xdr:from>
    <xdr:ext cx="405111" cy="259045"/>
    <xdr:sp macro="" textlink="">
      <xdr:nvSpPr>
        <xdr:cNvPr id="202" name="n_3aveValue【体育館・プール】&#10;有形固定資産減価償却率"/>
        <xdr:cNvSpPr txBox="1"/>
      </xdr:nvSpPr>
      <xdr:spPr>
        <a:xfrm>
          <a:off x="1611004" y="10008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95086</xdr:rowOff>
    </xdr:from>
    <xdr:ext cx="405111" cy="259045"/>
    <xdr:sp macro="" textlink="">
      <xdr:nvSpPr>
        <xdr:cNvPr id="203" name="n_4aveValue【体育館・プール】&#10;有形固定資産減価償却率"/>
        <xdr:cNvSpPr txBox="1"/>
      </xdr:nvSpPr>
      <xdr:spPr>
        <a:xfrm>
          <a:off x="836304" y="9985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134274</xdr:rowOff>
    </xdr:from>
    <xdr:ext cx="405111" cy="259045"/>
    <xdr:sp macro="" textlink="">
      <xdr:nvSpPr>
        <xdr:cNvPr id="204" name="n_1mainValue【体育館・プール】&#10;有形固定資産減価償却率"/>
        <xdr:cNvSpPr txBox="1"/>
      </xdr:nvSpPr>
      <xdr:spPr>
        <a:xfrm>
          <a:off x="3170564" y="10025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66024</xdr:rowOff>
    </xdr:from>
    <xdr:ext cx="405111" cy="259045"/>
    <xdr:sp macro="" textlink="">
      <xdr:nvSpPr>
        <xdr:cNvPr id="205" name="n_2mainValue【体育館・プール】&#10;有形固定資産減価償却率"/>
        <xdr:cNvSpPr txBox="1"/>
      </xdr:nvSpPr>
      <xdr:spPr>
        <a:xfrm>
          <a:off x="2385704" y="10392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20304</xdr:rowOff>
    </xdr:from>
    <xdr:ext cx="405111" cy="259045"/>
    <xdr:sp macro="" textlink="">
      <xdr:nvSpPr>
        <xdr:cNvPr id="206" name="n_3mainValue【体育館・プール】&#10;有形固定資産減価償却率"/>
        <xdr:cNvSpPr txBox="1"/>
      </xdr:nvSpPr>
      <xdr:spPr>
        <a:xfrm>
          <a:off x="1611004" y="10346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74584</xdr:rowOff>
    </xdr:from>
    <xdr:ext cx="405111" cy="259045"/>
    <xdr:sp macro="" textlink="">
      <xdr:nvSpPr>
        <xdr:cNvPr id="207" name="n_4mainValue【体育館・プール】&#10;有形固定資産減価償却率"/>
        <xdr:cNvSpPr txBox="1"/>
      </xdr:nvSpPr>
      <xdr:spPr>
        <a:xfrm>
          <a:off x="836304" y="10300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4775</xdr:rowOff>
    </xdr:from>
    <xdr:to>
      <xdr:col>54</xdr:col>
      <xdr:colOff>189865</xdr:colOff>
      <xdr:row>64</xdr:row>
      <xdr:rowOff>62865</xdr:rowOff>
    </xdr:to>
    <xdr:cxnSp macro="">
      <xdr:nvCxnSpPr>
        <xdr:cNvPr id="231" name="直線コネクタ 230"/>
        <xdr:cNvCxnSpPr/>
      </xdr:nvCxnSpPr>
      <xdr:spPr>
        <a:xfrm flipV="1">
          <a:off x="9219565" y="9492615"/>
          <a:ext cx="0" cy="1299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xdr:cNvSpPr txBox="1"/>
      </xdr:nvSpPr>
      <xdr:spPr>
        <a:xfrm>
          <a:off x="9258300" y="1079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xdr:cNvCxnSpPr/>
      </xdr:nvCxnSpPr>
      <xdr:spPr>
        <a:xfrm>
          <a:off x="9154160" y="107918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51452</xdr:rowOff>
    </xdr:from>
    <xdr:ext cx="469744" cy="259045"/>
    <xdr:sp macro="" textlink="">
      <xdr:nvSpPr>
        <xdr:cNvPr id="234" name="【体育館・プール】&#10;一人当たり面積最大値テキスト"/>
        <xdr:cNvSpPr txBox="1"/>
      </xdr:nvSpPr>
      <xdr:spPr>
        <a:xfrm>
          <a:off x="9258300" y="9271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4775</xdr:rowOff>
    </xdr:from>
    <xdr:to>
      <xdr:col>55</xdr:col>
      <xdr:colOff>88900</xdr:colOff>
      <xdr:row>56</xdr:row>
      <xdr:rowOff>104775</xdr:rowOff>
    </xdr:to>
    <xdr:cxnSp macro="">
      <xdr:nvCxnSpPr>
        <xdr:cNvPr id="235" name="直線コネクタ 234"/>
        <xdr:cNvCxnSpPr/>
      </xdr:nvCxnSpPr>
      <xdr:spPr>
        <a:xfrm>
          <a:off x="9154160" y="949261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9067</xdr:rowOff>
    </xdr:from>
    <xdr:ext cx="469744" cy="259045"/>
    <xdr:sp macro="" textlink="">
      <xdr:nvSpPr>
        <xdr:cNvPr id="236" name="【体育館・プール】&#10;一人当たり面積平均値テキスト"/>
        <xdr:cNvSpPr txBox="1"/>
      </xdr:nvSpPr>
      <xdr:spPr>
        <a:xfrm>
          <a:off x="9258300" y="10412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0640</xdr:rowOff>
    </xdr:from>
    <xdr:to>
      <xdr:col>55</xdr:col>
      <xdr:colOff>50800</xdr:colOff>
      <xdr:row>62</xdr:row>
      <xdr:rowOff>142240</xdr:rowOff>
    </xdr:to>
    <xdr:sp macro="" textlink="">
      <xdr:nvSpPr>
        <xdr:cNvPr id="237" name="フローチャート: 判断 236"/>
        <xdr:cNvSpPr/>
      </xdr:nvSpPr>
      <xdr:spPr>
        <a:xfrm>
          <a:off x="9192260" y="104343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2070</xdr:rowOff>
    </xdr:from>
    <xdr:to>
      <xdr:col>50</xdr:col>
      <xdr:colOff>165100</xdr:colOff>
      <xdr:row>62</xdr:row>
      <xdr:rowOff>153670</xdr:rowOff>
    </xdr:to>
    <xdr:sp macro="" textlink="">
      <xdr:nvSpPr>
        <xdr:cNvPr id="238" name="フローチャート: 判断 237"/>
        <xdr:cNvSpPr/>
      </xdr:nvSpPr>
      <xdr:spPr>
        <a:xfrm>
          <a:off x="8445500" y="1044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7785</xdr:rowOff>
    </xdr:from>
    <xdr:to>
      <xdr:col>46</xdr:col>
      <xdr:colOff>38100</xdr:colOff>
      <xdr:row>62</xdr:row>
      <xdr:rowOff>159385</xdr:rowOff>
    </xdr:to>
    <xdr:sp macro="" textlink="">
      <xdr:nvSpPr>
        <xdr:cNvPr id="239" name="フローチャート: 判断 238"/>
        <xdr:cNvSpPr/>
      </xdr:nvSpPr>
      <xdr:spPr>
        <a:xfrm>
          <a:off x="7670800" y="1045146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2070</xdr:rowOff>
    </xdr:from>
    <xdr:to>
      <xdr:col>41</xdr:col>
      <xdr:colOff>101600</xdr:colOff>
      <xdr:row>62</xdr:row>
      <xdr:rowOff>153670</xdr:rowOff>
    </xdr:to>
    <xdr:sp macro="" textlink="">
      <xdr:nvSpPr>
        <xdr:cNvPr id="240" name="フローチャート: 判断 239"/>
        <xdr:cNvSpPr/>
      </xdr:nvSpPr>
      <xdr:spPr>
        <a:xfrm>
          <a:off x="6873240" y="1044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41" name="フローチャート: 判断 240"/>
        <xdr:cNvSpPr/>
      </xdr:nvSpPr>
      <xdr:spPr>
        <a:xfrm>
          <a:off x="609854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20650</xdr:rowOff>
    </xdr:from>
    <xdr:to>
      <xdr:col>55</xdr:col>
      <xdr:colOff>50800</xdr:colOff>
      <xdr:row>62</xdr:row>
      <xdr:rowOff>50800</xdr:rowOff>
    </xdr:to>
    <xdr:sp macro="" textlink="">
      <xdr:nvSpPr>
        <xdr:cNvPr id="247" name="楕円 246"/>
        <xdr:cNvSpPr/>
      </xdr:nvSpPr>
      <xdr:spPr>
        <a:xfrm>
          <a:off x="9192260" y="103466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43527</xdr:rowOff>
    </xdr:from>
    <xdr:ext cx="469744" cy="259045"/>
    <xdr:sp macro="" textlink="">
      <xdr:nvSpPr>
        <xdr:cNvPr id="248" name="【体育館・プール】&#10;一人当たり面積該当値テキスト"/>
        <xdr:cNvSpPr txBox="1"/>
      </xdr:nvSpPr>
      <xdr:spPr>
        <a:xfrm>
          <a:off x="9258300"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20650</xdr:rowOff>
    </xdr:from>
    <xdr:to>
      <xdr:col>50</xdr:col>
      <xdr:colOff>165100</xdr:colOff>
      <xdr:row>62</xdr:row>
      <xdr:rowOff>50800</xdr:rowOff>
    </xdr:to>
    <xdr:sp macro="" textlink="">
      <xdr:nvSpPr>
        <xdr:cNvPr id="249" name="楕円 248"/>
        <xdr:cNvSpPr/>
      </xdr:nvSpPr>
      <xdr:spPr>
        <a:xfrm>
          <a:off x="8445500" y="103466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0</xdr:rowOff>
    </xdr:from>
    <xdr:to>
      <xdr:col>55</xdr:col>
      <xdr:colOff>0</xdr:colOff>
      <xdr:row>62</xdr:row>
      <xdr:rowOff>0</xdr:rowOff>
    </xdr:to>
    <xdr:cxnSp macro="">
      <xdr:nvCxnSpPr>
        <xdr:cNvPr id="250" name="直線コネクタ 249"/>
        <xdr:cNvCxnSpPr/>
      </xdr:nvCxnSpPr>
      <xdr:spPr>
        <a:xfrm>
          <a:off x="8496300" y="1039368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95885</xdr:rowOff>
    </xdr:from>
    <xdr:to>
      <xdr:col>46</xdr:col>
      <xdr:colOff>38100</xdr:colOff>
      <xdr:row>62</xdr:row>
      <xdr:rowOff>26035</xdr:rowOff>
    </xdr:to>
    <xdr:sp macro="" textlink="">
      <xdr:nvSpPr>
        <xdr:cNvPr id="251" name="楕円 250"/>
        <xdr:cNvSpPr/>
      </xdr:nvSpPr>
      <xdr:spPr>
        <a:xfrm>
          <a:off x="7670800" y="1032192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46685</xdr:rowOff>
    </xdr:from>
    <xdr:to>
      <xdr:col>50</xdr:col>
      <xdr:colOff>114300</xdr:colOff>
      <xdr:row>62</xdr:row>
      <xdr:rowOff>0</xdr:rowOff>
    </xdr:to>
    <xdr:cxnSp macro="">
      <xdr:nvCxnSpPr>
        <xdr:cNvPr id="252" name="直線コネクタ 251"/>
        <xdr:cNvCxnSpPr/>
      </xdr:nvCxnSpPr>
      <xdr:spPr>
        <a:xfrm>
          <a:off x="7713980" y="10372725"/>
          <a:ext cx="78232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93980</xdr:rowOff>
    </xdr:from>
    <xdr:to>
      <xdr:col>41</xdr:col>
      <xdr:colOff>101600</xdr:colOff>
      <xdr:row>62</xdr:row>
      <xdr:rowOff>24130</xdr:rowOff>
    </xdr:to>
    <xdr:sp macro="" textlink="">
      <xdr:nvSpPr>
        <xdr:cNvPr id="253" name="楕円 252"/>
        <xdr:cNvSpPr/>
      </xdr:nvSpPr>
      <xdr:spPr>
        <a:xfrm>
          <a:off x="6873240" y="103200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44780</xdr:rowOff>
    </xdr:from>
    <xdr:to>
      <xdr:col>45</xdr:col>
      <xdr:colOff>177800</xdr:colOff>
      <xdr:row>61</xdr:row>
      <xdr:rowOff>146685</xdr:rowOff>
    </xdr:to>
    <xdr:cxnSp macro="">
      <xdr:nvCxnSpPr>
        <xdr:cNvPr id="254" name="直線コネクタ 253"/>
        <xdr:cNvCxnSpPr/>
      </xdr:nvCxnSpPr>
      <xdr:spPr>
        <a:xfrm>
          <a:off x="6924040" y="10370820"/>
          <a:ext cx="78994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93980</xdr:rowOff>
    </xdr:from>
    <xdr:to>
      <xdr:col>36</xdr:col>
      <xdr:colOff>165100</xdr:colOff>
      <xdr:row>62</xdr:row>
      <xdr:rowOff>24130</xdr:rowOff>
    </xdr:to>
    <xdr:sp macro="" textlink="">
      <xdr:nvSpPr>
        <xdr:cNvPr id="255" name="楕円 254"/>
        <xdr:cNvSpPr/>
      </xdr:nvSpPr>
      <xdr:spPr>
        <a:xfrm>
          <a:off x="6098540" y="103200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44780</xdr:rowOff>
    </xdr:from>
    <xdr:to>
      <xdr:col>41</xdr:col>
      <xdr:colOff>50800</xdr:colOff>
      <xdr:row>61</xdr:row>
      <xdr:rowOff>144780</xdr:rowOff>
    </xdr:to>
    <xdr:cxnSp macro="">
      <xdr:nvCxnSpPr>
        <xdr:cNvPr id="256" name="直線コネクタ 255"/>
        <xdr:cNvCxnSpPr/>
      </xdr:nvCxnSpPr>
      <xdr:spPr>
        <a:xfrm>
          <a:off x="6149340" y="1037082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44797</xdr:rowOff>
    </xdr:from>
    <xdr:ext cx="469744" cy="259045"/>
    <xdr:sp macro="" textlink="">
      <xdr:nvSpPr>
        <xdr:cNvPr id="257" name="n_1aveValue【体育館・プール】&#10;一人当たり面積"/>
        <xdr:cNvSpPr txBox="1"/>
      </xdr:nvSpPr>
      <xdr:spPr>
        <a:xfrm>
          <a:off x="8271587" y="1053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0512</xdr:rowOff>
    </xdr:from>
    <xdr:ext cx="469744" cy="259045"/>
    <xdr:sp macro="" textlink="">
      <xdr:nvSpPr>
        <xdr:cNvPr id="258" name="n_2aveValue【体育館・プール】&#10;一人当たり面積"/>
        <xdr:cNvSpPr txBox="1"/>
      </xdr:nvSpPr>
      <xdr:spPr>
        <a:xfrm>
          <a:off x="7509587" y="10544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44797</xdr:rowOff>
    </xdr:from>
    <xdr:ext cx="469744" cy="259045"/>
    <xdr:sp macro="" textlink="">
      <xdr:nvSpPr>
        <xdr:cNvPr id="259" name="n_3aveValue【体育館・プール】&#10;一人当たり面積"/>
        <xdr:cNvSpPr txBox="1"/>
      </xdr:nvSpPr>
      <xdr:spPr>
        <a:xfrm>
          <a:off x="6712027" y="1053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37177</xdr:rowOff>
    </xdr:from>
    <xdr:ext cx="469744" cy="259045"/>
    <xdr:sp macro="" textlink="">
      <xdr:nvSpPr>
        <xdr:cNvPr id="260" name="n_4aveValue【体育館・プール】&#10;一人当たり面積"/>
        <xdr:cNvSpPr txBox="1"/>
      </xdr:nvSpPr>
      <xdr:spPr>
        <a:xfrm>
          <a:off x="593732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67327</xdr:rowOff>
    </xdr:from>
    <xdr:ext cx="469744" cy="259045"/>
    <xdr:sp macro="" textlink="">
      <xdr:nvSpPr>
        <xdr:cNvPr id="261" name="n_1mainValue【体育館・プール】&#10;一人当たり面積"/>
        <xdr:cNvSpPr txBox="1"/>
      </xdr:nvSpPr>
      <xdr:spPr>
        <a:xfrm>
          <a:off x="827158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42562</xdr:rowOff>
    </xdr:from>
    <xdr:ext cx="469744" cy="259045"/>
    <xdr:sp macro="" textlink="">
      <xdr:nvSpPr>
        <xdr:cNvPr id="262" name="n_2mainValue【体育館・プール】&#10;一人当たり面積"/>
        <xdr:cNvSpPr txBox="1"/>
      </xdr:nvSpPr>
      <xdr:spPr>
        <a:xfrm>
          <a:off x="7509587" y="10100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40657</xdr:rowOff>
    </xdr:from>
    <xdr:ext cx="469744" cy="259045"/>
    <xdr:sp macro="" textlink="">
      <xdr:nvSpPr>
        <xdr:cNvPr id="263" name="n_3mainValue【体育館・プール】&#10;一人当たり面積"/>
        <xdr:cNvSpPr txBox="1"/>
      </xdr:nvSpPr>
      <xdr:spPr>
        <a:xfrm>
          <a:off x="6712027" y="10099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40657</xdr:rowOff>
    </xdr:from>
    <xdr:ext cx="469744" cy="259045"/>
    <xdr:sp macro="" textlink="">
      <xdr:nvSpPr>
        <xdr:cNvPr id="264" name="n_4mainValue【体育館・プール】&#10;一人当たり面積"/>
        <xdr:cNvSpPr txBox="1"/>
      </xdr:nvSpPr>
      <xdr:spPr>
        <a:xfrm>
          <a:off x="5937327" y="10099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9" name="正方形/長方形 288"/>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90" name="正方形/長方形 289"/>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1" name="正方形/長方形 290"/>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2" name="正方形/長方形 291"/>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3" name="正方形/長方形 292"/>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4" name="正方形/長方形 293"/>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5" name="正方形/長方形 294"/>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6" name="正方形/長方形 295"/>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7" name="正方形/長方形 296"/>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8" name="正方形/長方形 297"/>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9" name="正方形/長方形 298"/>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00" name="正方形/長方形 299"/>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01" name="正方形/長方形 300"/>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2" name="正方形/長方形 301"/>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3" name="正方形/長方形 302"/>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4" name="正方形/長方形 303"/>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5" name="テキスト ボックス 304"/>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6" name="直線コネクタ 305"/>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7" name="テキスト ボックス 306"/>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08" name="直線コネクタ 307"/>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309" name="テキスト ボックス 308"/>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10" name="直線コネクタ 309"/>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11" name="テキスト ボックス 310"/>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12" name="直線コネクタ 311"/>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13" name="テキスト ボックス 312"/>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14" name="直線コネクタ 313"/>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15" name="テキスト ボックス 314"/>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16" name="直線コネクタ 315"/>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17" name="テキスト ボックス 316"/>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18" name="直線コネクタ 317"/>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319" name="テキスト ボックス 318"/>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20" name="直線コネクタ 319"/>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321" name="【一般廃棄物処理施設】&#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3746</xdr:rowOff>
    </xdr:from>
    <xdr:to>
      <xdr:col>85</xdr:col>
      <xdr:colOff>126364</xdr:colOff>
      <xdr:row>42</xdr:row>
      <xdr:rowOff>92528</xdr:rowOff>
    </xdr:to>
    <xdr:cxnSp macro="">
      <xdr:nvCxnSpPr>
        <xdr:cNvPr id="322" name="直線コネクタ 321"/>
        <xdr:cNvCxnSpPr/>
      </xdr:nvCxnSpPr>
      <xdr:spPr>
        <a:xfrm flipV="1">
          <a:off x="14375764" y="5733506"/>
          <a:ext cx="0" cy="13999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323" name="【一般廃棄物処理施設】&#10;有形固定資産減価償却率最小値テキスト"/>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24" name="直線コネクタ 323"/>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1873</xdr:rowOff>
    </xdr:from>
    <xdr:ext cx="405111" cy="259045"/>
    <xdr:sp macro="" textlink="">
      <xdr:nvSpPr>
        <xdr:cNvPr id="325" name="【一般廃棄物処理施設】&#10;有形固定資産減価償却率最大値テキスト"/>
        <xdr:cNvSpPr txBox="1"/>
      </xdr:nvSpPr>
      <xdr:spPr>
        <a:xfrm>
          <a:off x="14414500" y="5516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3746</xdr:rowOff>
    </xdr:from>
    <xdr:to>
      <xdr:col>86</xdr:col>
      <xdr:colOff>25400</xdr:colOff>
      <xdr:row>34</xdr:row>
      <xdr:rowOff>33746</xdr:rowOff>
    </xdr:to>
    <xdr:cxnSp macro="">
      <xdr:nvCxnSpPr>
        <xdr:cNvPr id="326" name="直線コネクタ 325"/>
        <xdr:cNvCxnSpPr/>
      </xdr:nvCxnSpPr>
      <xdr:spPr>
        <a:xfrm>
          <a:off x="14287500" y="57335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15224</xdr:rowOff>
    </xdr:from>
    <xdr:ext cx="405111" cy="259045"/>
    <xdr:sp macro="" textlink="">
      <xdr:nvSpPr>
        <xdr:cNvPr id="327" name="【一般廃棄物処理施設】&#10;有形固定資産減価償却率平均値テキスト"/>
        <xdr:cNvSpPr txBox="1"/>
      </xdr:nvSpPr>
      <xdr:spPr>
        <a:xfrm>
          <a:off x="14414500" y="63179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2347</xdr:rowOff>
    </xdr:from>
    <xdr:to>
      <xdr:col>85</xdr:col>
      <xdr:colOff>177800</xdr:colOff>
      <xdr:row>39</xdr:row>
      <xdr:rowOff>22497</xdr:rowOff>
    </xdr:to>
    <xdr:sp macro="" textlink="">
      <xdr:nvSpPr>
        <xdr:cNvPr id="328" name="フローチャート: 判断 327"/>
        <xdr:cNvSpPr/>
      </xdr:nvSpPr>
      <xdr:spPr>
        <a:xfrm>
          <a:off x="14325600" y="6462667"/>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8270</xdr:rowOff>
    </xdr:from>
    <xdr:to>
      <xdr:col>81</xdr:col>
      <xdr:colOff>101600</xdr:colOff>
      <xdr:row>39</xdr:row>
      <xdr:rowOff>58420</xdr:rowOff>
    </xdr:to>
    <xdr:sp macro="" textlink="">
      <xdr:nvSpPr>
        <xdr:cNvPr id="329" name="フローチャート: 判断 328"/>
        <xdr:cNvSpPr/>
      </xdr:nvSpPr>
      <xdr:spPr>
        <a:xfrm>
          <a:off x="13578840" y="64985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28270</xdr:rowOff>
    </xdr:from>
    <xdr:to>
      <xdr:col>76</xdr:col>
      <xdr:colOff>165100</xdr:colOff>
      <xdr:row>39</xdr:row>
      <xdr:rowOff>58420</xdr:rowOff>
    </xdr:to>
    <xdr:sp macro="" textlink="">
      <xdr:nvSpPr>
        <xdr:cNvPr id="330" name="フローチャート: 判断 329"/>
        <xdr:cNvSpPr/>
      </xdr:nvSpPr>
      <xdr:spPr>
        <a:xfrm>
          <a:off x="12804140" y="64985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8676</xdr:rowOff>
    </xdr:from>
    <xdr:to>
      <xdr:col>72</xdr:col>
      <xdr:colOff>38100</xdr:colOff>
      <xdr:row>39</xdr:row>
      <xdr:rowOff>38826</xdr:rowOff>
    </xdr:to>
    <xdr:sp macro="" textlink="">
      <xdr:nvSpPr>
        <xdr:cNvPr id="331" name="フローチャート: 判断 330"/>
        <xdr:cNvSpPr/>
      </xdr:nvSpPr>
      <xdr:spPr>
        <a:xfrm>
          <a:off x="12029440" y="647899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02144</xdr:rowOff>
    </xdr:from>
    <xdr:to>
      <xdr:col>67</xdr:col>
      <xdr:colOff>101600</xdr:colOff>
      <xdr:row>39</xdr:row>
      <xdr:rowOff>32294</xdr:rowOff>
    </xdr:to>
    <xdr:sp macro="" textlink="">
      <xdr:nvSpPr>
        <xdr:cNvPr id="332" name="フローチャート: 判断 331"/>
        <xdr:cNvSpPr/>
      </xdr:nvSpPr>
      <xdr:spPr>
        <a:xfrm>
          <a:off x="11231880" y="64724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33" name="テキスト ボックス 332"/>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4" name="テキスト ボックス 333"/>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5" name="テキスト ボックス 334"/>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6" name="テキスト ボックス 335"/>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7" name="テキスト ボックス 336"/>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2</xdr:row>
      <xdr:rowOff>41728</xdr:rowOff>
    </xdr:from>
    <xdr:to>
      <xdr:col>85</xdr:col>
      <xdr:colOff>177800</xdr:colOff>
      <xdr:row>42</xdr:row>
      <xdr:rowOff>143328</xdr:rowOff>
    </xdr:to>
    <xdr:sp macro="" textlink="">
      <xdr:nvSpPr>
        <xdr:cNvPr id="338" name="楕円 337"/>
        <xdr:cNvSpPr/>
      </xdr:nvSpPr>
      <xdr:spPr>
        <a:xfrm>
          <a:off x="14325600" y="7082608"/>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28105</xdr:rowOff>
    </xdr:from>
    <xdr:ext cx="469744" cy="259045"/>
    <xdr:sp macro="" textlink="">
      <xdr:nvSpPr>
        <xdr:cNvPr id="339" name="【一般廃棄物処理施設】&#10;有形固定資産減価償却率該当値テキスト"/>
        <xdr:cNvSpPr txBox="1"/>
      </xdr:nvSpPr>
      <xdr:spPr>
        <a:xfrm>
          <a:off x="14414500" y="7001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2</xdr:row>
      <xdr:rowOff>41728</xdr:rowOff>
    </xdr:from>
    <xdr:to>
      <xdr:col>81</xdr:col>
      <xdr:colOff>101600</xdr:colOff>
      <xdr:row>42</xdr:row>
      <xdr:rowOff>143328</xdr:rowOff>
    </xdr:to>
    <xdr:sp macro="" textlink="">
      <xdr:nvSpPr>
        <xdr:cNvPr id="340" name="楕円 339"/>
        <xdr:cNvSpPr/>
      </xdr:nvSpPr>
      <xdr:spPr>
        <a:xfrm>
          <a:off x="13578840" y="7082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92528</xdr:rowOff>
    </xdr:from>
    <xdr:to>
      <xdr:col>85</xdr:col>
      <xdr:colOff>127000</xdr:colOff>
      <xdr:row>42</xdr:row>
      <xdr:rowOff>92528</xdr:rowOff>
    </xdr:to>
    <xdr:cxnSp macro="">
      <xdr:nvCxnSpPr>
        <xdr:cNvPr id="341" name="直線コネクタ 340"/>
        <xdr:cNvCxnSpPr/>
      </xdr:nvCxnSpPr>
      <xdr:spPr>
        <a:xfrm>
          <a:off x="13629640" y="7133408"/>
          <a:ext cx="7467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2</xdr:row>
      <xdr:rowOff>41728</xdr:rowOff>
    </xdr:from>
    <xdr:to>
      <xdr:col>76</xdr:col>
      <xdr:colOff>165100</xdr:colOff>
      <xdr:row>42</xdr:row>
      <xdr:rowOff>143328</xdr:rowOff>
    </xdr:to>
    <xdr:sp macro="" textlink="">
      <xdr:nvSpPr>
        <xdr:cNvPr id="342" name="楕円 341"/>
        <xdr:cNvSpPr/>
      </xdr:nvSpPr>
      <xdr:spPr>
        <a:xfrm>
          <a:off x="12804140" y="7082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92528</xdr:rowOff>
    </xdr:from>
    <xdr:to>
      <xdr:col>81</xdr:col>
      <xdr:colOff>50800</xdr:colOff>
      <xdr:row>42</xdr:row>
      <xdr:rowOff>92528</xdr:rowOff>
    </xdr:to>
    <xdr:cxnSp macro="">
      <xdr:nvCxnSpPr>
        <xdr:cNvPr id="343" name="直線コネクタ 342"/>
        <xdr:cNvCxnSpPr/>
      </xdr:nvCxnSpPr>
      <xdr:spPr>
        <a:xfrm>
          <a:off x="12854940" y="7133408"/>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2</xdr:row>
      <xdr:rowOff>41728</xdr:rowOff>
    </xdr:from>
    <xdr:to>
      <xdr:col>72</xdr:col>
      <xdr:colOff>38100</xdr:colOff>
      <xdr:row>42</xdr:row>
      <xdr:rowOff>143328</xdr:rowOff>
    </xdr:to>
    <xdr:sp macro="" textlink="">
      <xdr:nvSpPr>
        <xdr:cNvPr id="344" name="楕円 343"/>
        <xdr:cNvSpPr/>
      </xdr:nvSpPr>
      <xdr:spPr>
        <a:xfrm>
          <a:off x="12029440" y="708260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2</xdr:row>
      <xdr:rowOff>92528</xdr:rowOff>
    </xdr:from>
    <xdr:to>
      <xdr:col>76</xdr:col>
      <xdr:colOff>114300</xdr:colOff>
      <xdr:row>42</xdr:row>
      <xdr:rowOff>92528</xdr:rowOff>
    </xdr:to>
    <xdr:cxnSp macro="">
      <xdr:nvCxnSpPr>
        <xdr:cNvPr id="345" name="直線コネクタ 344"/>
        <xdr:cNvCxnSpPr/>
      </xdr:nvCxnSpPr>
      <xdr:spPr>
        <a:xfrm>
          <a:off x="12072620" y="7133408"/>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57662</xdr:rowOff>
    </xdr:from>
    <xdr:to>
      <xdr:col>67</xdr:col>
      <xdr:colOff>101600</xdr:colOff>
      <xdr:row>42</xdr:row>
      <xdr:rowOff>87812</xdr:rowOff>
    </xdr:to>
    <xdr:sp macro="" textlink="">
      <xdr:nvSpPr>
        <xdr:cNvPr id="346" name="楕円 345"/>
        <xdr:cNvSpPr/>
      </xdr:nvSpPr>
      <xdr:spPr>
        <a:xfrm>
          <a:off x="11231880" y="70309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2</xdr:row>
      <xdr:rowOff>37012</xdr:rowOff>
    </xdr:from>
    <xdr:to>
      <xdr:col>71</xdr:col>
      <xdr:colOff>177800</xdr:colOff>
      <xdr:row>42</xdr:row>
      <xdr:rowOff>92528</xdr:rowOff>
    </xdr:to>
    <xdr:cxnSp macro="">
      <xdr:nvCxnSpPr>
        <xdr:cNvPr id="347" name="直線コネクタ 346"/>
        <xdr:cNvCxnSpPr/>
      </xdr:nvCxnSpPr>
      <xdr:spPr>
        <a:xfrm>
          <a:off x="11282680" y="7077892"/>
          <a:ext cx="789940" cy="55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4947</xdr:rowOff>
    </xdr:from>
    <xdr:ext cx="405111" cy="259045"/>
    <xdr:sp macro="" textlink="">
      <xdr:nvSpPr>
        <xdr:cNvPr id="348" name="n_1aveValue【一般廃棄物処理施設】&#10;有形固定資産減価償却率"/>
        <xdr:cNvSpPr txBox="1"/>
      </xdr:nvSpPr>
      <xdr:spPr>
        <a:xfrm>
          <a:off x="13437244" y="627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74947</xdr:rowOff>
    </xdr:from>
    <xdr:ext cx="405111" cy="259045"/>
    <xdr:sp macro="" textlink="">
      <xdr:nvSpPr>
        <xdr:cNvPr id="349" name="n_2aveValue【一般廃棄物処理施設】&#10;有形固定資産減価償却率"/>
        <xdr:cNvSpPr txBox="1"/>
      </xdr:nvSpPr>
      <xdr:spPr>
        <a:xfrm>
          <a:off x="12675244" y="627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55353</xdr:rowOff>
    </xdr:from>
    <xdr:ext cx="405111" cy="259045"/>
    <xdr:sp macro="" textlink="">
      <xdr:nvSpPr>
        <xdr:cNvPr id="350" name="n_3aveValue【一般廃棄物処理施設】&#10;有形固定資産減価償却率"/>
        <xdr:cNvSpPr txBox="1"/>
      </xdr:nvSpPr>
      <xdr:spPr>
        <a:xfrm>
          <a:off x="11900544" y="6258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8821</xdr:rowOff>
    </xdr:from>
    <xdr:ext cx="405111" cy="259045"/>
    <xdr:sp macro="" textlink="">
      <xdr:nvSpPr>
        <xdr:cNvPr id="351" name="n_4aveValue【一般廃棄物処理施設】&#10;有形固定資産減価償却率"/>
        <xdr:cNvSpPr txBox="1"/>
      </xdr:nvSpPr>
      <xdr:spPr>
        <a:xfrm>
          <a:off x="11102984" y="6251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42</xdr:row>
      <xdr:rowOff>134455</xdr:rowOff>
    </xdr:from>
    <xdr:ext cx="469744" cy="259045"/>
    <xdr:sp macro="" textlink="">
      <xdr:nvSpPr>
        <xdr:cNvPr id="352" name="n_1mainValue【一般廃棄物処理施設】&#10;有形固定資産減価償却率"/>
        <xdr:cNvSpPr txBox="1"/>
      </xdr:nvSpPr>
      <xdr:spPr>
        <a:xfrm>
          <a:off x="13412547" y="7175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42</xdr:row>
      <xdr:rowOff>134455</xdr:rowOff>
    </xdr:from>
    <xdr:ext cx="469744" cy="259045"/>
    <xdr:sp macro="" textlink="">
      <xdr:nvSpPr>
        <xdr:cNvPr id="353" name="n_2mainValue【一般廃棄物処理施設】&#10;有形固定資産減価償却率"/>
        <xdr:cNvSpPr txBox="1"/>
      </xdr:nvSpPr>
      <xdr:spPr>
        <a:xfrm>
          <a:off x="12642927" y="7175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42</xdr:row>
      <xdr:rowOff>134455</xdr:rowOff>
    </xdr:from>
    <xdr:ext cx="469744" cy="259045"/>
    <xdr:sp macro="" textlink="">
      <xdr:nvSpPr>
        <xdr:cNvPr id="354" name="n_3mainValue【一般廃棄物処理施設】&#10;有形固定資産減価償却率"/>
        <xdr:cNvSpPr txBox="1"/>
      </xdr:nvSpPr>
      <xdr:spPr>
        <a:xfrm>
          <a:off x="11868227" y="7175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78939</xdr:rowOff>
    </xdr:from>
    <xdr:ext cx="405111" cy="259045"/>
    <xdr:sp macro="" textlink="">
      <xdr:nvSpPr>
        <xdr:cNvPr id="355" name="n_4mainValue【一般廃棄物処理施設】&#10;有形固定資産減価償却率"/>
        <xdr:cNvSpPr txBox="1"/>
      </xdr:nvSpPr>
      <xdr:spPr>
        <a:xfrm>
          <a:off x="11102984" y="7119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6" name="正方形/長方形 355"/>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7" name="正方形/長方形 356"/>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8" name="正方形/長方形 357"/>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9" name="正方形/長方形 358"/>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60" name="正方形/長方形 359"/>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61" name="正方形/長方形 360"/>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62" name="正方形/長方形 361"/>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3" name="正方形/長方形 362"/>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4" name="テキスト ボックス 363"/>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5" name="直線コネクタ 364"/>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6" name="直線コネクタ 365"/>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67" name="テキスト ボックス 366"/>
        <xdr:cNvSpPr txBox="1"/>
      </xdr:nvSpPr>
      <xdr:spPr>
        <a:xfrm>
          <a:off x="15890374" y="68681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8" name="直線コネクタ 367"/>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69" name="テキスト ボックス 368"/>
        <xdr:cNvSpPr txBox="1"/>
      </xdr:nvSpPr>
      <xdr:spPr>
        <a:xfrm>
          <a:off x="15589461" y="641859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70" name="直線コネクタ 369"/>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71" name="テキスト ボックス 370"/>
        <xdr:cNvSpPr txBox="1"/>
      </xdr:nvSpPr>
      <xdr:spPr>
        <a:xfrm>
          <a:off x="15589461" y="59728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72" name="直線コネクタ 371"/>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73" name="テキスト ボックス 372"/>
        <xdr:cNvSpPr txBox="1"/>
      </xdr:nvSpPr>
      <xdr:spPr>
        <a:xfrm>
          <a:off x="15589461" y="55270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4" name="直線コネクタ 373"/>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75" name="テキスト ボックス 374"/>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6" name="【一般廃棄物処理施設】&#10;一人当たり有形固定資産（償却資産）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78614</xdr:rowOff>
    </xdr:from>
    <xdr:to>
      <xdr:col>116</xdr:col>
      <xdr:colOff>62864</xdr:colOff>
      <xdr:row>41</xdr:row>
      <xdr:rowOff>133272</xdr:rowOff>
    </xdr:to>
    <xdr:cxnSp macro="">
      <xdr:nvCxnSpPr>
        <xdr:cNvPr id="377" name="直線コネクタ 376"/>
        <xdr:cNvCxnSpPr/>
      </xdr:nvCxnSpPr>
      <xdr:spPr>
        <a:xfrm flipV="1">
          <a:off x="19509104" y="5778374"/>
          <a:ext cx="0" cy="1228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7099</xdr:rowOff>
    </xdr:from>
    <xdr:ext cx="313932" cy="259045"/>
    <xdr:sp macro="" textlink="">
      <xdr:nvSpPr>
        <xdr:cNvPr id="378" name="【一般廃棄物処理施設】&#10;一人当たり有形固定資産（償却資産）額最小値テキスト"/>
        <xdr:cNvSpPr txBox="1"/>
      </xdr:nvSpPr>
      <xdr:spPr>
        <a:xfrm>
          <a:off x="19547840" y="701033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3272</xdr:rowOff>
    </xdr:from>
    <xdr:to>
      <xdr:col>116</xdr:col>
      <xdr:colOff>152400</xdr:colOff>
      <xdr:row>41</xdr:row>
      <xdr:rowOff>133272</xdr:rowOff>
    </xdr:to>
    <xdr:cxnSp macro="">
      <xdr:nvCxnSpPr>
        <xdr:cNvPr id="379" name="直線コネクタ 378"/>
        <xdr:cNvCxnSpPr/>
      </xdr:nvCxnSpPr>
      <xdr:spPr>
        <a:xfrm>
          <a:off x="19443700" y="700651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25291</xdr:rowOff>
    </xdr:from>
    <xdr:ext cx="599010" cy="259045"/>
    <xdr:sp macro="" textlink="">
      <xdr:nvSpPr>
        <xdr:cNvPr id="380" name="【一般廃棄物処理施設】&#10;一人当たり有形固定資産（償却資産）額最大値テキスト"/>
        <xdr:cNvSpPr txBox="1"/>
      </xdr:nvSpPr>
      <xdr:spPr>
        <a:xfrm>
          <a:off x="19547840" y="55574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78614</xdr:rowOff>
    </xdr:from>
    <xdr:to>
      <xdr:col>116</xdr:col>
      <xdr:colOff>152400</xdr:colOff>
      <xdr:row>34</xdr:row>
      <xdr:rowOff>78614</xdr:rowOff>
    </xdr:to>
    <xdr:cxnSp macro="">
      <xdr:nvCxnSpPr>
        <xdr:cNvPr id="381" name="直線コネクタ 380"/>
        <xdr:cNvCxnSpPr/>
      </xdr:nvCxnSpPr>
      <xdr:spPr>
        <a:xfrm>
          <a:off x="19443700" y="57783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67374</xdr:rowOff>
    </xdr:from>
    <xdr:ext cx="534377" cy="259045"/>
    <xdr:sp macro="" textlink="">
      <xdr:nvSpPr>
        <xdr:cNvPr id="382" name="【一般廃棄物処理施設】&#10;一人当たり有形固定資産（償却資産）額平均値テキスト"/>
        <xdr:cNvSpPr txBox="1"/>
      </xdr:nvSpPr>
      <xdr:spPr>
        <a:xfrm>
          <a:off x="19547840" y="64376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4497</xdr:rowOff>
    </xdr:from>
    <xdr:to>
      <xdr:col>116</xdr:col>
      <xdr:colOff>114300</xdr:colOff>
      <xdr:row>39</xdr:row>
      <xdr:rowOff>146097</xdr:rowOff>
    </xdr:to>
    <xdr:sp macro="" textlink="">
      <xdr:nvSpPr>
        <xdr:cNvPr id="383" name="フローチャート: 判断 382"/>
        <xdr:cNvSpPr/>
      </xdr:nvSpPr>
      <xdr:spPr>
        <a:xfrm>
          <a:off x="19458940" y="6582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75180</xdr:rowOff>
    </xdr:from>
    <xdr:to>
      <xdr:col>112</xdr:col>
      <xdr:colOff>38100</xdr:colOff>
      <xdr:row>40</xdr:row>
      <xdr:rowOff>5330</xdr:rowOff>
    </xdr:to>
    <xdr:sp macro="" textlink="">
      <xdr:nvSpPr>
        <xdr:cNvPr id="384" name="フローチャート: 判断 383"/>
        <xdr:cNvSpPr/>
      </xdr:nvSpPr>
      <xdr:spPr>
        <a:xfrm>
          <a:off x="18735040" y="66131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2373</xdr:rowOff>
    </xdr:from>
    <xdr:to>
      <xdr:col>107</xdr:col>
      <xdr:colOff>101600</xdr:colOff>
      <xdr:row>40</xdr:row>
      <xdr:rowOff>2523</xdr:rowOff>
    </xdr:to>
    <xdr:sp macro="" textlink="">
      <xdr:nvSpPr>
        <xdr:cNvPr id="385" name="フローチャート: 判断 384"/>
        <xdr:cNvSpPr/>
      </xdr:nvSpPr>
      <xdr:spPr>
        <a:xfrm>
          <a:off x="17937480" y="66103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5850</xdr:rowOff>
    </xdr:from>
    <xdr:to>
      <xdr:col>102</xdr:col>
      <xdr:colOff>165100</xdr:colOff>
      <xdr:row>40</xdr:row>
      <xdr:rowOff>26000</xdr:rowOff>
    </xdr:to>
    <xdr:sp macro="" textlink="">
      <xdr:nvSpPr>
        <xdr:cNvPr id="386" name="フローチャート: 判断 385"/>
        <xdr:cNvSpPr/>
      </xdr:nvSpPr>
      <xdr:spPr>
        <a:xfrm>
          <a:off x="17162780" y="66338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99786</xdr:rowOff>
    </xdr:from>
    <xdr:to>
      <xdr:col>98</xdr:col>
      <xdr:colOff>38100</xdr:colOff>
      <xdr:row>40</xdr:row>
      <xdr:rowOff>29936</xdr:rowOff>
    </xdr:to>
    <xdr:sp macro="" textlink="">
      <xdr:nvSpPr>
        <xdr:cNvPr id="387" name="フローチャート: 判断 386"/>
        <xdr:cNvSpPr/>
      </xdr:nvSpPr>
      <xdr:spPr>
        <a:xfrm>
          <a:off x="16388080" y="663774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8" name="テキスト ボックス 387"/>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9" name="テキスト ボックス 388"/>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90" name="テキスト ボックス 389"/>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91" name="テキスト ボックス 390"/>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92" name="テキスト ボックス 391"/>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5434</xdr:rowOff>
    </xdr:from>
    <xdr:to>
      <xdr:col>116</xdr:col>
      <xdr:colOff>114300</xdr:colOff>
      <xdr:row>41</xdr:row>
      <xdr:rowOff>65584</xdr:rowOff>
    </xdr:to>
    <xdr:sp macro="" textlink="">
      <xdr:nvSpPr>
        <xdr:cNvPr id="393" name="楕円 392"/>
        <xdr:cNvSpPr/>
      </xdr:nvSpPr>
      <xdr:spPr>
        <a:xfrm>
          <a:off x="19458940" y="684103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0361</xdr:rowOff>
    </xdr:from>
    <xdr:ext cx="534377" cy="259045"/>
    <xdr:sp macro="" textlink="">
      <xdr:nvSpPr>
        <xdr:cNvPr id="394" name="【一般廃棄物処理施設】&#10;一人当たり有形固定資産（償却資産）額該当値テキスト"/>
        <xdr:cNvSpPr txBox="1"/>
      </xdr:nvSpPr>
      <xdr:spPr>
        <a:xfrm>
          <a:off x="19547840" y="6755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5439</xdr:rowOff>
    </xdr:from>
    <xdr:to>
      <xdr:col>112</xdr:col>
      <xdr:colOff>38100</xdr:colOff>
      <xdr:row>41</xdr:row>
      <xdr:rowOff>65589</xdr:rowOff>
    </xdr:to>
    <xdr:sp macro="" textlink="">
      <xdr:nvSpPr>
        <xdr:cNvPr id="395" name="楕円 394"/>
        <xdr:cNvSpPr/>
      </xdr:nvSpPr>
      <xdr:spPr>
        <a:xfrm>
          <a:off x="18735040" y="684103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4784</xdr:rowOff>
    </xdr:from>
    <xdr:to>
      <xdr:col>116</xdr:col>
      <xdr:colOff>63500</xdr:colOff>
      <xdr:row>41</xdr:row>
      <xdr:rowOff>14789</xdr:rowOff>
    </xdr:to>
    <xdr:cxnSp macro="">
      <xdr:nvCxnSpPr>
        <xdr:cNvPr id="396" name="直線コネクタ 395"/>
        <xdr:cNvCxnSpPr/>
      </xdr:nvCxnSpPr>
      <xdr:spPr>
        <a:xfrm flipV="1">
          <a:off x="18778220" y="6888024"/>
          <a:ext cx="731520" cy="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5119</xdr:rowOff>
    </xdr:from>
    <xdr:to>
      <xdr:col>107</xdr:col>
      <xdr:colOff>101600</xdr:colOff>
      <xdr:row>41</xdr:row>
      <xdr:rowOff>65269</xdr:rowOff>
    </xdr:to>
    <xdr:sp macro="" textlink="">
      <xdr:nvSpPr>
        <xdr:cNvPr id="397" name="楕円 396"/>
        <xdr:cNvSpPr/>
      </xdr:nvSpPr>
      <xdr:spPr>
        <a:xfrm>
          <a:off x="17937480" y="68407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4469</xdr:rowOff>
    </xdr:from>
    <xdr:to>
      <xdr:col>111</xdr:col>
      <xdr:colOff>177800</xdr:colOff>
      <xdr:row>41</xdr:row>
      <xdr:rowOff>14789</xdr:rowOff>
    </xdr:to>
    <xdr:cxnSp macro="">
      <xdr:nvCxnSpPr>
        <xdr:cNvPr id="398" name="直線コネクタ 397"/>
        <xdr:cNvCxnSpPr/>
      </xdr:nvCxnSpPr>
      <xdr:spPr>
        <a:xfrm>
          <a:off x="17988280" y="6887709"/>
          <a:ext cx="789940" cy="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4538</xdr:rowOff>
    </xdr:from>
    <xdr:to>
      <xdr:col>102</xdr:col>
      <xdr:colOff>165100</xdr:colOff>
      <xdr:row>41</xdr:row>
      <xdr:rowOff>64688</xdr:rowOff>
    </xdr:to>
    <xdr:sp macro="" textlink="">
      <xdr:nvSpPr>
        <xdr:cNvPr id="399" name="楕円 398"/>
        <xdr:cNvSpPr/>
      </xdr:nvSpPr>
      <xdr:spPr>
        <a:xfrm>
          <a:off x="17162780" y="684013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3888</xdr:rowOff>
    </xdr:from>
    <xdr:to>
      <xdr:col>107</xdr:col>
      <xdr:colOff>50800</xdr:colOff>
      <xdr:row>41</xdr:row>
      <xdr:rowOff>14469</xdr:rowOff>
    </xdr:to>
    <xdr:cxnSp macro="">
      <xdr:nvCxnSpPr>
        <xdr:cNvPr id="400" name="直線コネクタ 399"/>
        <xdr:cNvCxnSpPr/>
      </xdr:nvCxnSpPr>
      <xdr:spPr>
        <a:xfrm>
          <a:off x="17213580" y="6887128"/>
          <a:ext cx="774700" cy="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34278</xdr:rowOff>
    </xdr:from>
    <xdr:to>
      <xdr:col>98</xdr:col>
      <xdr:colOff>38100</xdr:colOff>
      <xdr:row>41</xdr:row>
      <xdr:rowOff>64428</xdr:rowOff>
    </xdr:to>
    <xdr:sp macro="" textlink="">
      <xdr:nvSpPr>
        <xdr:cNvPr id="401" name="楕円 400"/>
        <xdr:cNvSpPr/>
      </xdr:nvSpPr>
      <xdr:spPr>
        <a:xfrm>
          <a:off x="16388080" y="68398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3628</xdr:rowOff>
    </xdr:from>
    <xdr:to>
      <xdr:col>102</xdr:col>
      <xdr:colOff>114300</xdr:colOff>
      <xdr:row>41</xdr:row>
      <xdr:rowOff>13888</xdr:rowOff>
    </xdr:to>
    <xdr:cxnSp macro="">
      <xdr:nvCxnSpPr>
        <xdr:cNvPr id="402" name="直線コネクタ 401"/>
        <xdr:cNvCxnSpPr/>
      </xdr:nvCxnSpPr>
      <xdr:spPr>
        <a:xfrm>
          <a:off x="16431260" y="6886868"/>
          <a:ext cx="782320" cy="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21857</xdr:rowOff>
    </xdr:from>
    <xdr:ext cx="534377" cy="259045"/>
    <xdr:sp macro="" textlink="">
      <xdr:nvSpPr>
        <xdr:cNvPr id="403" name="n_1aveValue【一般廃棄物処理施設】&#10;一人当たり有形固定資産（償却資産）額"/>
        <xdr:cNvSpPr txBox="1"/>
      </xdr:nvSpPr>
      <xdr:spPr>
        <a:xfrm>
          <a:off x="18528811" y="6392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9050</xdr:rowOff>
    </xdr:from>
    <xdr:ext cx="534377" cy="259045"/>
    <xdr:sp macro="" textlink="">
      <xdr:nvSpPr>
        <xdr:cNvPr id="404" name="n_2aveValue【一般廃棄物処理施設】&#10;一人当たり有形固定資産（償却資産）額"/>
        <xdr:cNvSpPr txBox="1"/>
      </xdr:nvSpPr>
      <xdr:spPr>
        <a:xfrm>
          <a:off x="17766811" y="6389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42527</xdr:rowOff>
    </xdr:from>
    <xdr:ext cx="534377" cy="259045"/>
    <xdr:sp macro="" textlink="">
      <xdr:nvSpPr>
        <xdr:cNvPr id="405" name="n_3aveValue【一般廃棄物処理施設】&#10;一人当たり有形固定資産（償却資産）額"/>
        <xdr:cNvSpPr txBox="1"/>
      </xdr:nvSpPr>
      <xdr:spPr>
        <a:xfrm>
          <a:off x="16969251" y="6412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46463</xdr:rowOff>
    </xdr:from>
    <xdr:ext cx="534377" cy="259045"/>
    <xdr:sp macro="" textlink="">
      <xdr:nvSpPr>
        <xdr:cNvPr id="406" name="n_4aveValue【一般廃棄物処理施設】&#10;一人当たり有形固定資産（償却資産）額"/>
        <xdr:cNvSpPr txBox="1"/>
      </xdr:nvSpPr>
      <xdr:spPr>
        <a:xfrm>
          <a:off x="16194551" y="6416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56716</xdr:rowOff>
    </xdr:from>
    <xdr:ext cx="534377" cy="259045"/>
    <xdr:sp macro="" textlink="">
      <xdr:nvSpPr>
        <xdr:cNvPr id="407" name="n_1mainValue【一般廃棄物処理施設】&#10;一人当たり有形固定資産（償却資産）額"/>
        <xdr:cNvSpPr txBox="1"/>
      </xdr:nvSpPr>
      <xdr:spPr>
        <a:xfrm>
          <a:off x="18528811" y="6929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56396</xdr:rowOff>
    </xdr:from>
    <xdr:ext cx="534377" cy="259045"/>
    <xdr:sp macro="" textlink="">
      <xdr:nvSpPr>
        <xdr:cNvPr id="408" name="n_2mainValue【一般廃棄物処理施設】&#10;一人当たり有形固定資産（償却資産）額"/>
        <xdr:cNvSpPr txBox="1"/>
      </xdr:nvSpPr>
      <xdr:spPr>
        <a:xfrm>
          <a:off x="17766811" y="6929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55815</xdr:rowOff>
    </xdr:from>
    <xdr:ext cx="534377" cy="259045"/>
    <xdr:sp macro="" textlink="">
      <xdr:nvSpPr>
        <xdr:cNvPr id="409" name="n_3mainValue【一般廃棄物処理施設】&#10;一人当たり有形固定資産（償却資産）額"/>
        <xdr:cNvSpPr txBox="1"/>
      </xdr:nvSpPr>
      <xdr:spPr>
        <a:xfrm>
          <a:off x="16969251" y="6929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55555</xdr:rowOff>
    </xdr:from>
    <xdr:ext cx="534377" cy="259045"/>
    <xdr:sp macro="" textlink="">
      <xdr:nvSpPr>
        <xdr:cNvPr id="410" name="n_4mainValue【一般廃棄物処理施設】&#10;一人当たり有形固定資産（償却資産）額"/>
        <xdr:cNvSpPr txBox="1"/>
      </xdr:nvSpPr>
      <xdr:spPr>
        <a:xfrm>
          <a:off x="16194551" y="692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11" name="正方形/長方形 410"/>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12" name="正方形/長方形 411"/>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3" name="正方形/長方形 412"/>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4" name="正方形/長方形 413"/>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5" name="正方形/長方形 414"/>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6" name="正方形/長方形 415"/>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7" name="正方形/長方形 416"/>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8" name="正方形/長方形 417"/>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9" name="テキスト ボックス 418"/>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20" name="直線コネクタ 419"/>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21" name="テキスト ボックス 420"/>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22" name="直線コネクタ 421"/>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23" name="テキスト ボックス 422"/>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24" name="直線コネクタ 423"/>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25" name="テキスト ボックス 424"/>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26" name="直線コネクタ 425"/>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27" name="テキスト ボックス 426"/>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28" name="直線コネクタ 427"/>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29" name="テキスト ボックス 428"/>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30" name="直線コネクタ 429"/>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31" name="テキスト ボックス 430"/>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32" name="直線コネクタ 431"/>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433" name="テキスト ボックス 432"/>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34" name="直線コネクタ 433"/>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35"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0</xdr:rowOff>
    </xdr:from>
    <xdr:to>
      <xdr:col>85</xdr:col>
      <xdr:colOff>126364</xdr:colOff>
      <xdr:row>64</xdr:row>
      <xdr:rowOff>86541</xdr:rowOff>
    </xdr:to>
    <xdr:cxnSp macro="">
      <xdr:nvCxnSpPr>
        <xdr:cNvPr id="436" name="直線コネクタ 435"/>
        <xdr:cNvCxnSpPr/>
      </xdr:nvCxnSpPr>
      <xdr:spPr>
        <a:xfrm flipV="1">
          <a:off x="14375764" y="9387840"/>
          <a:ext cx="0" cy="14276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90368</xdr:rowOff>
    </xdr:from>
    <xdr:ext cx="405111" cy="259045"/>
    <xdr:sp macro="" textlink="">
      <xdr:nvSpPr>
        <xdr:cNvPr id="437" name="【保健センター・保健所】&#10;有形固定資産減価償却率最小値テキスト"/>
        <xdr:cNvSpPr txBox="1"/>
      </xdr:nvSpPr>
      <xdr:spPr>
        <a:xfrm>
          <a:off x="14414500" y="108193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86541</xdr:rowOff>
    </xdr:from>
    <xdr:to>
      <xdr:col>86</xdr:col>
      <xdr:colOff>25400</xdr:colOff>
      <xdr:row>64</xdr:row>
      <xdr:rowOff>86541</xdr:rowOff>
    </xdr:to>
    <xdr:cxnSp macro="">
      <xdr:nvCxnSpPr>
        <xdr:cNvPr id="438" name="直線コネクタ 437"/>
        <xdr:cNvCxnSpPr/>
      </xdr:nvCxnSpPr>
      <xdr:spPr>
        <a:xfrm>
          <a:off x="14287500" y="1081550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8127</xdr:rowOff>
    </xdr:from>
    <xdr:ext cx="340478" cy="259045"/>
    <xdr:sp macro="" textlink="">
      <xdr:nvSpPr>
        <xdr:cNvPr id="439" name="【保健センター・保健所】&#10;有形固定資産減価償却率最大値テキスト"/>
        <xdr:cNvSpPr txBox="1"/>
      </xdr:nvSpPr>
      <xdr:spPr>
        <a:xfrm>
          <a:off x="14414500" y="917068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0</xdr:rowOff>
    </xdr:from>
    <xdr:to>
      <xdr:col>86</xdr:col>
      <xdr:colOff>25400</xdr:colOff>
      <xdr:row>56</xdr:row>
      <xdr:rowOff>0</xdr:rowOff>
    </xdr:to>
    <xdr:cxnSp macro="">
      <xdr:nvCxnSpPr>
        <xdr:cNvPr id="440" name="直線コネクタ 439"/>
        <xdr:cNvCxnSpPr/>
      </xdr:nvCxnSpPr>
      <xdr:spPr>
        <a:xfrm>
          <a:off x="14287500" y="93878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7392</xdr:rowOff>
    </xdr:from>
    <xdr:ext cx="405111" cy="259045"/>
    <xdr:sp macro="" textlink="">
      <xdr:nvSpPr>
        <xdr:cNvPr id="441" name="【保健センター・保健所】&#10;有形固定資産減価償却率平均値テキスト"/>
        <xdr:cNvSpPr txBox="1"/>
      </xdr:nvSpPr>
      <xdr:spPr>
        <a:xfrm>
          <a:off x="14414500" y="99281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4515</xdr:rowOff>
    </xdr:from>
    <xdr:to>
      <xdr:col>85</xdr:col>
      <xdr:colOff>177800</xdr:colOff>
      <xdr:row>60</xdr:row>
      <xdr:rowOff>116115</xdr:rowOff>
    </xdr:to>
    <xdr:sp macro="" textlink="">
      <xdr:nvSpPr>
        <xdr:cNvPr id="442" name="フローチャート: 判断 441"/>
        <xdr:cNvSpPr/>
      </xdr:nvSpPr>
      <xdr:spPr>
        <a:xfrm>
          <a:off x="14325600" y="10072915"/>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1472</xdr:rowOff>
    </xdr:from>
    <xdr:to>
      <xdr:col>81</xdr:col>
      <xdr:colOff>101600</xdr:colOff>
      <xdr:row>60</xdr:row>
      <xdr:rowOff>91622</xdr:rowOff>
    </xdr:to>
    <xdr:sp macro="" textlink="">
      <xdr:nvSpPr>
        <xdr:cNvPr id="443" name="フローチャート: 判断 442"/>
        <xdr:cNvSpPr/>
      </xdr:nvSpPr>
      <xdr:spPr>
        <a:xfrm>
          <a:off x="13578840" y="1005223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50041</xdr:rowOff>
    </xdr:from>
    <xdr:to>
      <xdr:col>76</xdr:col>
      <xdr:colOff>165100</xdr:colOff>
      <xdr:row>60</xdr:row>
      <xdr:rowOff>80191</xdr:rowOff>
    </xdr:to>
    <xdr:sp macro="" textlink="">
      <xdr:nvSpPr>
        <xdr:cNvPr id="444" name="フローチャート: 判断 443"/>
        <xdr:cNvSpPr/>
      </xdr:nvSpPr>
      <xdr:spPr>
        <a:xfrm>
          <a:off x="12804140" y="100408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9220</xdr:rowOff>
    </xdr:from>
    <xdr:to>
      <xdr:col>72</xdr:col>
      <xdr:colOff>38100</xdr:colOff>
      <xdr:row>60</xdr:row>
      <xdr:rowOff>39370</xdr:rowOff>
    </xdr:to>
    <xdr:sp macro="" textlink="">
      <xdr:nvSpPr>
        <xdr:cNvPr id="445" name="フローチャート: 判断 444"/>
        <xdr:cNvSpPr/>
      </xdr:nvSpPr>
      <xdr:spPr>
        <a:xfrm>
          <a:off x="12029440" y="99999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86360</xdr:rowOff>
    </xdr:from>
    <xdr:to>
      <xdr:col>67</xdr:col>
      <xdr:colOff>101600</xdr:colOff>
      <xdr:row>60</xdr:row>
      <xdr:rowOff>16510</xdr:rowOff>
    </xdr:to>
    <xdr:sp macro="" textlink="">
      <xdr:nvSpPr>
        <xdr:cNvPr id="446" name="フローチャート: 判断 445"/>
        <xdr:cNvSpPr/>
      </xdr:nvSpPr>
      <xdr:spPr>
        <a:xfrm>
          <a:off x="11231880" y="99771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7" name="テキスト ボックス 446"/>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8" name="テキスト ボックス 447"/>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9" name="テキスト ボックス 448"/>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50" name="テキスト ボックス 449"/>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51" name="テキスト ボックス 450"/>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161472</xdr:rowOff>
    </xdr:from>
    <xdr:to>
      <xdr:col>85</xdr:col>
      <xdr:colOff>177800</xdr:colOff>
      <xdr:row>64</xdr:row>
      <xdr:rowOff>91622</xdr:rowOff>
    </xdr:to>
    <xdr:sp macro="" textlink="">
      <xdr:nvSpPr>
        <xdr:cNvPr id="452" name="楕円 451"/>
        <xdr:cNvSpPr/>
      </xdr:nvSpPr>
      <xdr:spPr>
        <a:xfrm>
          <a:off x="14325600" y="10722792"/>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3</xdr:row>
      <xdr:rowOff>76399</xdr:rowOff>
    </xdr:from>
    <xdr:ext cx="405111" cy="259045"/>
    <xdr:sp macro="" textlink="">
      <xdr:nvSpPr>
        <xdr:cNvPr id="453" name="【保健センター・保健所】&#10;有形固定資産減価償却率該当値テキスト"/>
        <xdr:cNvSpPr txBox="1"/>
      </xdr:nvSpPr>
      <xdr:spPr>
        <a:xfrm>
          <a:off x="14414500" y="10637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114119</xdr:rowOff>
    </xdr:from>
    <xdr:to>
      <xdr:col>81</xdr:col>
      <xdr:colOff>101600</xdr:colOff>
      <xdr:row>64</xdr:row>
      <xdr:rowOff>44269</xdr:rowOff>
    </xdr:to>
    <xdr:sp macro="" textlink="">
      <xdr:nvSpPr>
        <xdr:cNvPr id="454" name="楕円 453"/>
        <xdr:cNvSpPr/>
      </xdr:nvSpPr>
      <xdr:spPr>
        <a:xfrm>
          <a:off x="13578840" y="1067543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164919</xdr:rowOff>
    </xdr:from>
    <xdr:to>
      <xdr:col>85</xdr:col>
      <xdr:colOff>127000</xdr:colOff>
      <xdr:row>64</xdr:row>
      <xdr:rowOff>40822</xdr:rowOff>
    </xdr:to>
    <xdr:cxnSp macro="">
      <xdr:nvCxnSpPr>
        <xdr:cNvPr id="455" name="直線コネクタ 454"/>
        <xdr:cNvCxnSpPr/>
      </xdr:nvCxnSpPr>
      <xdr:spPr>
        <a:xfrm>
          <a:off x="13629640" y="10726239"/>
          <a:ext cx="74676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84727</xdr:rowOff>
    </xdr:from>
    <xdr:to>
      <xdr:col>76</xdr:col>
      <xdr:colOff>165100</xdr:colOff>
      <xdr:row>64</xdr:row>
      <xdr:rowOff>14877</xdr:rowOff>
    </xdr:to>
    <xdr:sp macro="" textlink="">
      <xdr:nvSpPr>
        <xdr:cNvPr id="456" name="楕円 455"/>
        <xdr:cNvSpPr/>
      </xdr:nvSpPr>
      <xdr:spPr>
        <a:xfrm>
          <a:off x="12804140" y="1064604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135527</xdr:rowOff>
    </xdr:from>
    <xdr:to>
      <xdr:col>81</xdr:col>
      <xdr:colOff>50800</xdr:colOff>
      <xdr:row>63</xdr:row>
      <xdr:rowOff>164919</xdr:rowOff>
    </xdr:to>
    <xdr:cxnSp macro="">
      <xdr:nvCxnSpPr>
        <xdr:cNvPr id="457" name="直線コネクタ 456"/>
        <xdr:cNvCxnSpPr/>
      </xdr:nvCxnSpPr>
      <xdr:spPr>
        <a:xfrm>
          <a:off x="12854940" y="10696847"/>
          <a:ext cx="7747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32476</xdr:rowOff>
    </xdr:from>
    <xdr:to>
      <xdr:col>72</xdr:col>
      <xdr:colOff>38100</xdr:colOff>
      <xdr:row>63</xdr:row>
      <xdr:rowOff>134076</xdr:rowOff>
    </xdr:to>
    <xdr:sp macro="" textlink="">
      <xdr:nvSpPr>
        <xdr:cNvPr id="458" name="楕円 457"/>
        <xdr:cNvSpPr/>
      </xdr:nvSpPr>
      <xdr:spPr>
        <a:xfrm>
          <a:off x="12029440" y="1059379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83276</xdr:rowOff>
    </xdr:from>
    <xdr:to>
      <xdr:col>76</xdr:col>
      <xdr:colOff>114300</xdr:colOff>
      <xdr:row>63</xdr:row>
      <xdr:rowOff>135527</xdr:rowOff>
    </xdr:to>
    <xdr:cxnSp macro="">
      <xdr:nvCxnSpPr>
        <xdr:cNvPr id="459" name="直線コネクタ 458"/>
        <xdr:cNvCxnSpPr/>
      </xdr:nvCxnSpPr>
      <xdr:spPr>
        <a:xfrm>
          <a:off x="12072620" y="10644596"/>
          <a:ext cx="78232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156573</xdr:rowOff>
    </xdr:from>
    <xdr:to>
      <xdr:col>67</xdr:col>
      <xdr:colOff>101600</xdr:colOff>
      <xdr:row>63</xdr:row>
      <xdr:rowOff>86723</xdr:rowOff>
    </xdr:to>
    <xdr:sp macro="" textlink="">
      <xdr:nvSpPr>
        <xdr:cNvPr id="460" name="楕円 459"/>
        <xdr:cNvSpPr/>
      </xdr:nvSpPr>
      <xdr:spPr>
        <a:xfrm>
          <a:off x="11231880" y="105502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35923</xdr:rowOff>
    </xdr:from>
    <xdr:to>
      <xdr:col>71</xdr:col>
      <xdr:colOff>177800</xdr:colOff>
      <xdr:row>63</xdr:row>
      <xdr:rowOff>83276</xdr:rowOff>
    </xdr:to>
    <xdr:cxnSp macro="">
      <xdr:nvCxnSpPr>
        <xdr:cNvPr id="461" name="直線コネクタ 460"/>
        <xdr:cNvCxnSpPr/>
      </xdr:nvCxnSpPr>
      <xdr:spPr>
        <a:xfrm>
          <a:off x="11282680" y="10597243"/>
          <a:ext cx="78994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08149</xdr:rowOff>
    </xdr:from>
    <xdr:ext cx="405111" cy="259045"/>
    <xdr:sp macro="" textlink="">
      <xdr:nvSpPr>
        <xdr:cNvPr id="462" name="n_1aveValue【保健センター・保健所】&#10;有形固定資産減価償却率"/>
        <xdr:cNvSpPr txBox="1"/>
      </xdr:nvSpPr>
      <xdr:spPr>
        <a:xfrm>
          <a:off x="13437244" y="98312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96718</xdr:rowOff>
    </xdr:from>
    <xdr:ext cx="405111" cy="259045"/>
    <xdr:sp macro="" textlink="">
      <xdr:nvSpPr>
        <xdr:cNvPr id="463" name="n_2aveValue【保健センター・保健所】&#10;有形固定資産減価償却率"/>
        <xdr:cNvSpPr txBox="1"/>
      </xdr:nvSpPr>
      <xdr:spPr>
        <a:xfrm>
          <a:off x="12675244" y="9819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5897</xdr:rowOff>
    </xdr:from>
    <xdr:ext cx="405111" cy="259045"/>
    <xdr:sp macro="" textlink="">
      <xdr:nvSpPr>
        <xdr:cNvPr id="464" name="n_3aveValue【保健センター・保健所】&#10;有形固定資産減価償却率"/>
        <xdr:cNvSpPr txBox="1"/>
      </xdr:nvSpPr>
      <xdr:spPr>
        <a:xfrm>
          <a:off x="11900544" y="9779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33037</xdr:rowOff>
    </xdr:from>
    <xdr:ext cx="405111" cy="259045"/>
    <xdr:sp macro="" textlink="">
      <xdr:nvSpPr>
        <xdr:cNvPr id="465" name="n_4aveValue【保健センター・保健所】&#10;有形固定資産減価償却率"/>
        <xdr:cNvSpPr txBox="1"/>
      </xdr:nvSpPr>
      <xdr:spPr>
        <a:xfrm>
          <a:off x="11102984" y="975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4</xdr:row>
      <xdr:rowOff>35396</xdr:rowOff>
    </xdr:from>
    <xdr:ext cx="405111" cy="259045"/>
    <xdr:sp macro="" textlink="">
      <xdr:nvSpPr>
        <xdr:cNvPr id="466" name="n_1mainValue【保健センター・保健所】&#10;有形固定資産減価償却率"/>
        <xdr:cNvSpPr txBox="1"/>
      </xdr:nvSpPr>
      <xdr:spPr>
        <a:xfrm>
          <a:off x="13437244" y="107643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4</xdr:row>
      <xdr:rowOff>6004</xdr:rowOff>
    </xdr:from>
    <xdr:ext cx="405111" cy="259045"/>
    <xdr:sp macro="" textlink="">
      <xdr:nvSpPr>
        <xdr:cNvPr id="467" name="n_2mainValue【保健センター・保健所】&#10;有形固定資産減価償却率"/>
        <xdr:cNvSpPr txBox="1"/>
      </xdr:nvSpPr>
      <xdr:spPr>
        <a:xfrm>
          <a:off x="12675244" y="10734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125203</xdr:rowOff>
    </xdr:from>
    <xdr:ext cx="405111" cy="259045"/>
    <xdr:sp macro="" textlink="">
      <xdr:nvSpPr>
        <xdr:cNvPr id="468" name="n_3mainValue【保健センター・保健所】&#10;有形固定資産減価償却率"/>
        <xdr:cNvSpPr txBox="1"/>
      </xdr:nvSpPr>
      <xdr:spPr>
        <a:xfrm>
          <a:off x="11900544" y="10686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77850</xdr:rowOff>
    </xdr:from>
    <xdr:ext cx="405111" cy="259045"/>
    <xdr:sp macro="" textlink="">
      <xdr:nvSpPr>
        <xdr:cNvPr id="469" name="n_4mainValue【保健センター・保健所】&#10;有形固定資産減価償却率"/>
        <xdr:cNvSpPr txBox="1"/>
      </xdr:nvSpPr>
      <xdr:spPr>
        <a:xfrm>
          <a:off x="11102984" y="10639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70" name="正方形/長方形 469"/>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71" name="正方形/長方形 470"/>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72" name="正方形/長方形 471"/>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73" name="正方形/長方形 472"/>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4" name="正方形/長方形 473"/>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5" name="正方形/長方形 474"/>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6" name="正方形/長方形 475"/>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7" name="正方形/長方形 476"/>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8" name="テキスト ボックス 477"/>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9" name="直線コネクタ 478"/>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80" name="直線コネクタ 479"/>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81" name="テキスト ボックス 480"/>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82" name="直線コネクタ 481"/>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83" name="テキスト ボックス 482"/>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84" name="直線コネクタ 483"/>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85" name="テキスト ボックス 484"/>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86" name="直線コネクタ 485"/>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87" name="テキスト ボックス 486"/>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88" name="直線コネクタ 487"/>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89" name="テキスト ボックス 488"/>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90" name="直線コネクタ 489"/>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91" name="テキスト ボックス 490"/>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92" name="直線コネクタ 491"/>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93" name="テキスト ボックス 492"/>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94"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2059</xdr:rowOff>
    </xdr:from>
    <xdr:to>
      <xdr:col>116</xdr:col>
      <xdr:colOff>62864</xdr:colOff>
      <xdr:row>64</xdr:row>
      <xdr:rowOff>120831</xdr:rowOff>
    </xdr:to>
    <xdr:cxnSp macro="">
      <xdr:nvCxnSpPr>
        <xdr:cNvPr id="495" name="直線コネクタ 494"/>
        <xdr:cNvCxnSpPr/>
      </xdr:nvCxnSpPr>
      <xdr:spPr>
        <a:xfrm flipV="1">
          <a:off x="19509104" y="9362259"/>
          <a:ext cx="0" cy="14875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496" name="【保健センター・保健所】&#10;一人当たり面積最小値テキスト"/>
        <xdr:cNvSpPr txBox="1"/>
      </xdr:nvSpPr>
      <xdr:spPr>
        <a:xfrm>
          <a:off x="19547840" y="1085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497" name="直線コネクタ 496"/>
        <xdr:cNvCxnSpPr/>
      </xdr:nvCxnSpPr>
      <xdr:spPr>
        <a:xfrm>
          <a:off x="19443700" y="108497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8736</xdr:rowOff>
    </xdr:from>
    <xdr:ext cx="469744" cy="259045"/>
    <xdr:sp macro="" textlink="">
      <xdr:nvSpPr>
        <xdr:cNvPr id="498" name="【保健センター・保健所】&#10;一人当たり面積最大値テキスト"/>
        <xdr:cNvSpPr txBox="1"/>
      </xdr:nvSpPr>
      <xdr:spPr>
        <a:xfrm>
          <a:off x="19547840" y="91412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2059</xdr:rowOff>
    </xdr:from>
    <xdr:to>
      <xdr:col>116</xdr:col>
      <xdr:colOff>152400</xdr:colOff>
      <xdr:row>55</xdr:row>
      <xdr:rowOff>142059</xdr:rowOff>
    </xdr:to>
    <xdr:cxnSp macro="">
      <xdr:nvCxnSpPr>
        <xdr:cNvPr id="499" name="直線コネクタ 498"/>
        <xdr:cNvCxnSpPr/>
      </xdr:nvCxnSpPr>
      <xdr:spPr>
        <a:xfrm>
          <a:off x="19443700" y="93622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8415</xdr:rowOff>
    </xdr:from>
    <xdr:ext cx="469744" cy="259045"/>
    <xdr:sp macro="" textlink="">
      <xdr:nvSpPr>
        <xdr:cNvPr id="500" name="【保健センター・保健所】&#10;一人当たり面積平均値テキスト"/>
        <xdr:cNvSpPr txBox="1"/>
      </xdr:nvSpPr>
      <xdr:spPr>
        <a:xfrm>
          <a:off x="19547840" y="104620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5538</xdr:rowOff>
    </xdr:from>
    <xdr:to>
      <xdr:col>116</xdr:col>
      <xdr:colOff>114300</xdr:colOff>
      <xdr:row>63</xdr:row>
      <xdr:rowOff>147138</xdr:rowOff>
    </xdr:to>
    <xdr:sp macro="" textlink="">
      <xdr:nvSpPr>
        <xdr:cNvPr id="501" name="フローチャート: 判断 500"/>
        <xdr:cNvSpPr/>
      </xdr:nvSpPr>
      <xdr:spPr>
        <a:xfrm>
          <a:off x="19458940" y="10606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8804</xdr:rowOff>
    </xdr:from>
    <xdr:to>
      <xdr:col>112</xdr:col>
      <xdr:colOff>38100</xdr:colOff>
      <xdr:row>63</xdr:row>
      <xdr:rowOff>150404</xdr:rowOff>
    </xdr:to>
    <xdr:sp macro="" textlink="">
      <xdr:nvSpPr>
        <xdr:cNvPr id="502" name="フローチャート: 判断 501"/>
        <xdr:cNvSpPr/>
      </xdr:nvSpPr>
      <xdr:spPr>
        <a:xfrm>
          <a:off x="18735040" y="1061012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503" name="フローチャート: 判断 502"/>
        <xdr:cNvSpPr/>
      </xdr:nvSpPr>
      <xdr:spPr>
        <a:xfrm>
          <a:off x="17937480" y="10619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2273</xdr:rowOff>
    </xdr:from>
    <xdr:to>
      <xdr:col>102</xdr:col>
      <xdr:colOff>165100</xdr:colOff>
      <xdr:row>63</xdr:row>
      <xdr:rowOff>143873</xdr:rowOff>
    </xdr:to>
    <xdr:sp macro="" textlink="">
      <xdr:nvSpPr>
        <xdr:cNvPr id="504" name="フローチャート: 判断 503"/>
        <xdr:cNvSpPr/>
      </xdr:nvSpPr>
      <xdr:spPr>
        <a:xfrm>
          <a:off x="17162780" y="10603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48804</xdr:rowOff>
    </xdr:from>
    <xdr:to>
      <xdr:col>98</xdr:col>
      <xdr:colOff>38100</xdr:colOff>
      <xdr:row>63</xdr:row>
      <xdr:rowOff>150404</xdr:rowOff>
    </xdr:to>
    <xdr:sp macro="" textlink="">
      <xdr:nvSpPr>
        <xdr:cNvPr id="505" name="フローチャート: 判断 504"/>
        <xdr:cNvSpPr/>
      </xdr:nvSpPr>
      <xdr:spPr>
        <a:xfrm>
          <a:off x="16388080" y="1061012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06" name="テキスト ボックス 505"/>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7" name="テキスト ボックス 506"/>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8" name="テキスト ボックス 507"/>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9" name="テキスト ボックス 508"/>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10" name="テキスト ボックス 509"/>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3916</xdr:rowOff>
    </xdr:from>
    <xdr:to>
      <xdr:col>116</xdr:col>
      <xdr:colOff>114300</xdr:colOff>
      <xdr:row>64</xdr:row>
      <xdr:rowOff>54066</xdr:rowOff>
    </xdr:to>
    <xdr:sp macro="" textlink="">
      <xdr:nvSpPr>
        <xdr:cNvPr id="511" name="楕円 510"/>
        <xdr:cNvSpPr/>
      </xdr:nvSpPr>
      <xdr:spPr>
        <a:xfrm>
          <a:off x="19458940" y="10685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38843</xdr:rowOff>
    </xdr:from>
    <xdr:ext cx="469744" cy="259045"/>
    <xdr:sp macro="" textlink="">
      <xdr:nvSpPr>
        <xdr:cNvPr id="512" name="【保健センター・保健所】&#10;一人当たり面積該当値テキスト"/>
        <xdr:cNvSpPr txBox="1"/>
      </xdr:nvSpPr>
      <xdr:spPr>
        <a:xfrm>
          <a:off x="19547840" y="10600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3916</xdr:rowOff>
    </xdr:from>
    <xdr:to>
      <xdr:col>112</xdr:col>
      <xdr:colOff>38100</xdr:colOff>
      <xdr:row>64</xdr:row>
      <xdr:rowOff>54066</xdr:rowOff>
    </xdr:to>
    <xdr:sp macro="" textlink="">
      <xdr:nvSpPr>
        <xdr:cNvPr id="513" name="楕円 512"/>
        <xdr:cNvSpPr/>
      </xdr:nvSpPr>
      <xdr:spPr>
        <a:xfrm>
          <a:off x="18735040" y="1068523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3266</xdr:rowOff>
    </xdr:from>
    <xdr:to>
      <xdr:col>116</xdr:col>
      <xdr:colOff>63500</xdr:colOff>
      <xdr:row>64</xdr:row>
      <xdr:rowOff>3266</xdr:rowOff>
    </xdr:to>
    <xdr:cxnSp macro="">
      <xdr:nvCxnSpPr>
        <xdr:cNvPr id="514" name="直線コネクタ 513"/>
        <xdr:cNvCxnSpPr/>
      </xdr:nvCxnSpPr>
      <xdr:spPr>
        <a:xfrm>
          <a:off x="18778220" y="10732226"/>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23916</xdr:rowOff>
    </xdr:from>
    <xdr:to>
      <xdr:col>107</xdr:col>
      <xdr:colOff>101600</xdr:colOff>
      <xdr:row>64</xdr:row>
      <xdr:rowOff>54066</xdr:rowOff>
    </xdr:to>
    <xdr:sp macro="" textlink="">
      <xdr:nvSpPr>
        <xdr:cNvPr id="515" name="楕円 514"/>
        <xdr:cNvSpPr/>
      </xdr:nvSpPr>
      <xdr:spPr>
        <a:xfrm>
          <a:off x="17937480" y="10685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3266</xdr:rowOff>
    </xdr:from>
    <xdr:to>
      <xdr:col>111</xdr:col>
      <xdr:colOff>177800</xdr:colOff>
      <xdr:row>64</xdr:row>
      <xdr:rowOff>3266</xdr:rowOff>
    </xdr:to>
    <xdr:cxnSp macro="">
      <xdr:nvCxnSpPr>
        <xdr:cNvPr id="516" name="直線コネクタ 515"/>
        <xdr:cNvCxnSpPr/>
      </xdr:nvCxnSpPr>
      <xdr:spPr>
        <a:xfrm>
          <a:off x="17988280" y="10732226"/>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23916</xdr:rowOff>
    </xdr:from>
    <xdr:to>
      <xdr:col>102</xdr:col>
      <xdr:colOff>165100</xdr:colOff>
      <xdr:row>64</xdr:row>
      <xdr:rowOff>54066</xdr:rowOff>
    </xdr:to>
    <xdr:sp macro="" textlink="">
      <xdr:nvSpPr>
        <xdr:cNvPr id="517" name="楕円 516"/>
        <xdr:cNvSpPr/>
      </xdr:nvSpPr>
      <xdr:spPr>
        <a:xfrm>
          <a:off x="17162780" y="10685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3266</xdr:rowOff>
    </xdr:from>
    <xdr:to>
      <xdr:col>107</xdr:col>
      <xdr:colOff>50800</xdr:colOff>
      <xdr:row>64</xdr:row>
      <xdr:rowOff>3266</xdr:rowOff>
    </xdr:to>
    <xdr:cxnSp macro="">
      <xdr:nvCxnSpPr>
        <xdr:cNvPr id="518" name="直線コネクタ 517"/>
        <xdr:cNvCxnSpPr/>
      </xdr:nvCxnSpPr>
      <xdr:spPr>
        <a:xfrm>
          <a:off x="17213580" y="10732226"/>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23916</xdr:rowOff>
    </xdr:from>
    <xdr:to>
      <xdr:col>98</xdr:col>
      <xdr:colOff>38100</xdr:colOff>
      <xdr:row>64</xdr:row>
      <xdr:rowOff>54066</xdr:rowOff>
    </xdr:to>
    <xdr:sp macro="" textlink="">
      <xdr:nvSpPr>
        <xdr:cNvPr id="519" name="楕円 518"/>
        <xdr:cNvSpPr/>
      </xdr:nvSpPr>
      <xdr:spPr>
        <a:xfrm>
          <a:off x="16388080" y="1068523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3266</xdr:rowOff>
    </xdr:from>
    <xdr:to>
      <xdr:col>102</xdr:col>
      <xdr:colOff>114300</xdr:colOff>
      <xdr:row>64</xdr:row>
      <xdr:rowOff>3266</xdr:rowOff>
    </xdr:to>
    <xdr:cxnSp macro="">
      <xdr:nvCxnSpPr>
        <xdr:cNvPr id="520" name="直線コネクタ 519"/>
        <xdr:cNvCxnSpPr/>
      </xdr:nvCxnSpPr>
      <xdr:spPr>
        <a:xfrm>
          <a:off x="16431260" y="10732226"/>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6931</xdr:rowOff>
    </xdr:from>
    <xdr:ext cx="469744" cy="259045"/>
    <xdr:sp macro="" textlink="">
      <xdr:nvSpPr>
        <xdr:cNvPr id="521" name="n_1aveValue【保健センター・保健所】&#10;一人当たり面積"/>
        <xdr:cNvSpPr txBox="1"/>
      </xdr:nvSpPr>
      <xdr:spPr>
        <a:xfrm>
          <a:off x="18561127" y="1039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522" name="n_2aveValue【保健センター・保健所】&#10;一人当たり面積"/>
        <xdr:cNvSpPr txBox="1"/>
      </xdr:nvSpPr>
      <xdr:spPr>
        <a:xfrm>
          <a:off x="17776267" y="10398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0400</xdr:rowOff>
    </xdr:from>
    <xdr:ext cx="469744" cy="259045"/>
    <xdr:sp macro="" textlink="">
      <xdr:nvSpPr>
        <xdr:cNvPr id="523" name="n_3aveValue【保健センター・保健所】&#10;一人当たり面積"/>
        <xdr:cNvSpPr txBox="1"/>
      </xdr:nvSpPr>
      <xdr:spPr>
        <a:xfrm>
          <a:off x="17001567" y="1038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66931</xdr:rowOff>
    </xdr:from>
    <xdr:ext cx="469744" cy="259045"/>
    <xdr:sp macro="" textlink="">
      <xdr:nvSpPr>
        <xdr:cNvPr id="524" name="n_4aveValue【保健センター・保健所】&#10;一人当たり面積"/>
        <xdr:cNvSpPr txBox="1"/>
      </xdr:nvSpPr>
      <xdr:spPr>
        <a:xfrm>
          <a:off x="16226867" y="1039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45193</xdr:rowOff>
    </xdr:from>
    <xdr:ext cx="469744" cy="259045"/>
    <xdr:sp macro="" textlink="">
      <xdr:nvSpPr>
        <xdr:cNvPr id="525" name="n_1mainValue【保健センター・保健所】&#10;一人当たり面積"/>
        <xdr:cNvSpPr txBox="1"/>
      </xdr:nvSpPr>
      <xdr:spPr>
        <a:xfrm>
          <a:off x="18561127" y="1077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45193</xdr:rowOff>
    </xdr:from>
    <xdr:ext cx="469744" cy="259045"/>
    <xdr:sp macro="" textlink="">
      <xdr:nvSpPr>
        <xdr:cNvPr id="526" name="n_2mainValue【保健センター・保健所】&#10;一人当たり面積"/>
        <xdr:cNvSpPr txBox="1"/>
      </xdr:nvSpPr>
      <xdr:spPr>
        <a:xfrm>
          <a:off x="17776267" y="1077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45193</xdr:rowOff>
    </xdr:from>
    <xdr:ext cx="469744" cy="259045"/>
    <xdr:sp macro="" textlink="">
      <xdr:nvSpPr>
        <xdr:cNvPr id="527" name="n_3mainValue【保健センター・保健所】&#10;一人当たり面積"/>
        <xdr:cNvSpPr txBox="1"/>
      </xdr:nvSpPr>
      <xdr:spPr>
        <a:xfrm>
          <a:off x="17001567" y="1077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45193</xdr:rowOff>
    </xdr:from>
    <xdr:ext cx="469744" cy="259045"/>
    <xdr:sp macro="" textlink="">
      <xdr:nvSpPr>
        <xdr:cNvPr id="528" name="n_4mainValue【保健センター・保健所】&#10;一人当たり面積"/>
        <xdr:cNvSpPr txBox="1"/>
      </xdr:nvSpPr>
      <xdr:spPr>
        <a:xfrm>
          <a:off x="16226867" y="1077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9" name="正方形/長方形 528"/>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30" name="正方形/長方形 529"/>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31" name="正方形/長方形 530"/>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32" name="正方形/長方形 531"/>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3" name="正方形/長方形 532"/>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4" name="正方形/長方形 533"/>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5" name="正方形/長方形 534"/>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6" name="正方形/長方形 535"/>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37" name="テキスト ボックス 536"/>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38" name="直線コネクタ 537"/>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9" name="テキスト ボックス 538"/>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40" name="直線コネクタ 539"/>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41" name="テキスト ボックス 540"/>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42" name="直線コネクタ 541"/>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43" name="テキスト ボックス 542"/>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44" name="直線コネクタ 543"/>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45" name="テキスト ボックス 544"/>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46" name="直線コネクタ 545"/>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47" name="テキスト ボックス 546"/>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48" name="直線コネクタ 547"/>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49" name="テキスト ボックス 548"/>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50" name="直線コネクタ 549"/>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51" name="テキスト ボックス 550"/>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52" name="直線コネクタ 551"/>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53" name="【消防施設】&#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18111</xdr:rowOff>
    </xdr:from>
    <xdr:to>
      <xdr:col>85</xdr:col>
      <xdr:colOff>126364</xdr:colOff>
      <xdr:row>86</xdr:row>
      <xdr:rowOff>168729</xdr:rowOff>
    </xdr:to>
    <xdr:cxnSp macro="">
      <xdr:nvCxnSpPr>
        <xdr:cNvPr id="554" name="直線コネクタ 553"/>
        <xdr:cNvCxnSpPr/>
      </xdr:nvCxnSpPr>
      <xdr:spPr>
        <a:xfrm flipV="1">
          <a:off x="14375764" y="13194031"/>
          <a:ext cx="0" cy="1391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55" name="【消防施設】&#10;有形固定資産減価償却率最小値テキスト"/>
        <xdr:cNvSpPr txBox="1"/>
      </xdr:nvSpPr>
      <xdr:spPr>
        <a:xfrm>
          <a:off x="1441450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56" name="直線コネクタ 555"/>
        <xdr:cNvCxnSpPr/>
      </xdr:nvCxnSpPr>
      <xdr:spPr>
        <a:xfrm>
          <a:off x="1428750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4788</xdr:rowOff>
    </xdr:from>
    <xdr:ext cx="405111" cy="259045"/>
    <xdr:sp macro="" textlink="">
      <xdr:nvSpPr>
        <xdr:cNvPr id="557" name="【消防施設】&#10;有形固定資産減価償却率最大値テキスト"/>
        <xdr:cNvSpPr txBox="1"/>
      </xdr:nvSpPr>
      <xdr:spPr>
        <a:xfrm>
          <a:off x="14414500" y="129730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8111</xdr:rowOff>
    </xdr:from>
    <xdr:to>
      <xdr:col>86</xdr:col>
      <xdr:colOff>25400</xdr:colOff>
      <xdr:row>78</xdr:row>
      <xdr:rowOff>118111</xdr:rowOff>
    </xdr:to>
    <xdr:cxnSp macro="">
      <xdr:nvCxnSpPr>
        <xdr:cNvPr id="558" name="直線コネクタ 557"/>
        <xdr:cNvCxnSpPr/>
      </xdr:nvCxnSpPr>
      <xdr:spPr>
        <a:xfrm>
          <a:off x="14287500" y="1319403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379</xdr:rowOff>
    </xdr:from>
    <xdr:ext cx="405111" cy="259045"/>
    <xdr:sp macro="" textlink="">
      <xdr:nvSpPr>
        <xdr:cNvPr id="559" name="【消防施設】&#10;有形固定資産減価償却率平均値テキスト"/>
        <xdr:cNvSpPr txBox="1"/>
      </xdr:nvSpPr>
      <xdr:spPr>
        <a:xfrm>
          <a:off x="14414500" y="137468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8952</xdr:rowOff>
    </xdr:from>
    <xdr:to>
      <xdr:col>85</xdr:col>
      <xdr:colOff>177800</xdr:colOff>
      <xdr:row>83</xdr:row>
      <xdr:rowOff>79102</xdr:rowOff>
    </xdr:to>
    <xdr:sp macro="" textlink="">
      <xdr:nvSpPr>
        <xdr:cNvPr id="560" name="フローチャート: 判断 559"/>
        <xdr:cNvSpPr/>
      </xdr:nvSpPr>
      <xdr:spPr>
        <a:xfrm>
          <a:off x="14325600" y="13895432"/>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42421</xdr:rowOff>
    </xdr:from>
    <xdr:to>
      <xdr:col>81</xdr:col>
      <xdr:colOff>101600</xdr:colOff>
      <xdr:row>83</xdr:row>
      <xdr:rowOff>72571</xdr:rowOff>
    </xdr:to>
    <xdr:sp macro="" textlink="">
      <xdr:nvSpPr>
        <xdr:cNvPr id="561" name="フローチャート: 判断 560"/>
        <xdr:cNvSpPr/>
      </xdr:nvSpPr>
      <xdr:spPr>
        <a:xfrm>
          <a:off x="13578840" y="138889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0992</xdr:rowOff>
    </xdr:from>
    <xdr:to>
      <xdr:col>76</xdr:col>
      <xdr:colOff>165100</xdr:colOff>
      <xdr:row>83</xdr:row>
      <xdr:rowOff>61142</xdr:rowOff>
    </xdr:to>
    <xdr:sp macro="" textlink="">
      <xdr:nvSpPr>
        <xdr:cNvPr id="562" name="フローチャート: 判断 561"/>
        <xdr:cNvSpPr/>
      </xdr:nvSpPr>
      <xdr:spPr>
        <a:xfrm>
          <a:off x="12804140" y="138774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14663</xdr:rowOff>
    </xdr:from>
    <xdr:to>
      <xdr:col>72</xdr:col>
      <xdr:colOff>38100</xdr:colOff>
      <xdr:row>83</xdr:row>
      <xdr:rowOff>44813</xdr:rowOff>
    </xdr:to>
    <xdr:sp macro="" textlink="">
      <xdr:nvSpPr>
        <xdr:cNvPr id="563" name="フローチャート: 判断 562"/>
        <xdr:cNvSpPr/>
      </xdr:nvSpPr>
      <xdr:spPr>
        <a:xfrm>
          <a:off x="12029440" y="1386114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83638</xdr:rowOff>
    </xdr:from>
    <xdr:to>
      <xdr:col>67</xdr:col>
      <xdr:colOff>101600</xdr:colOff>
      <xdr:row>83</xdr:row>
      <xdr:rowOff>13788</xdr:rowOff>
    </xdr:to>
    <xdr:sp macro="" textlink="">
      <xdr:nvSpPr>
        <xdr:cNvPr id="564" name="フローチャート: 判断 563"/>
        <xdr:cNvSpPr/>
      </xdr:nvSpPr>
      <xdr:spPr>
        <a:xfrm>
          <a:off x="11231880" y="138301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65" name="テキスト ボックス 564"/>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66" name="テキスト ボックス 565"/>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67" name="テキスト ボックス 566"/>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68" name="テキスト ボックス 567"/>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9" name="テキスト ボックス 568"/>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48952</xdr:rowOff>
    </xdr:from>
    <xdr:to>
      <xdr:col>85</xdr:col>
      <xdr:colOff>177800</xdr:colOff>
      <xdr:row>84</xdr:row>
      <xdr:rowOff>79102</xdr:rowOff>
    </xdr:to>
    <xdr:sp macro="" textlink="">
      <xdr:nvSpPr>
        <xdr:cNvPr id="570" name="楕円 569"/>
        <xdr:cNvSpPr/>
      </xdr:nvSpPr>
      <xdr:spPr>
        <a:xfrm>
          <a:off x="14325600" y="14063072"/>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127379</xdr:rowOff>
    </xdr:from>
    <xdr:ext cx="405111" cy="259045"/>
    <xdr:sp macro="" textlink="">
      <xdr:nvSpPr>
        <xdr:cNvPr id="571" name="【消防施設】&#10;有形固定資産減価償却率該当値テキスト"/>
        <xdr:cNvSpPr txBox="1"/>
      </xdr:nvSpPr>
      <xdr:spPr>
        <a:xfrm>
          <a:off x="14414500" y="14041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08131</xdr:rowOff>
    </xdr:from>
    <xdr:to>
      <xdr:col>81</xdr:col>
      <xdr:colOff>101600</xdr:colOff>
      <xdr:row>84</xdr:row>
      <xdr:rowOff>38281</xdr:rowOff>
    </xdr:to>
    <xdr:sp macro="" textlink="">
      <xdr:nvSpPr>
        <xdr:cNvPr id="572" name="楕円 571"/>
        <xdr:cNvSpPr/>
      </xdr:nvSpPr>
      <xdr:spPr>
        <a:xfrm>
          <a:off x="13578840" y="140222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58931</xdr:rowOff>
    </xdr:from>
    <xdr:to>
      <xdr:col>85</xdr:col>
      <xdr:colOff>127000</xdr:colOff>
      <xdr:row>84</xdr:row>
      <xdr:rowOff>28302</xdr:rowOff>
    </xdr:to>
    <xdr:cxnSp macro="">
      <xdr:nvCxnSpPr>
        <xdr:cNvPr id="573" name="直線コネクタ 572"/>
        <xdr:cNvCxnSpPr/>
      </xdr:nvCxnSpPr>
      <xdr:spPr>
        <a:xfrm>
          <a:off x="13629640" y="14073051"/>
          <a:ext cx="746760" cy="37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67311</xdr:rowOff>
    </xdr:from>
    <xdr:to>
      <xdr:col>76</xdr:col>
      <xdr:colOff>165100</xdr:colOff>
      <xdr:row>83</xdr:row>
      <xdr:rowOff>168911</xdr:rowOff>
    </xdr:to>
    <xdr:sp macro="" textlink="">
      <xdr:nvSpPr>
        <xdr:cNvPr id="574" name="楕円 573"/>
        <xdr:cNvSpPr/>
      </xdr:nvSpPr>
      <xdr:spPr>
        <a:xfrm>
          <a:off x="12804140" y="13981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18111</xdr:rowOff>
    </xdr:from>
    <xdr:to>
      <xdr:col>81</xdr:col>
      <xdr:colOff>50800</xdr:colOff>
      <xdr:row>83</xdr:row>
      <xdr:rowOff>158931</xdr:rowOff>
    </xdr:to>
    <xdr:cxnSp macro="">
      <xdr:nvCxnSpPr>
        <xdr:cNvPr id="575" name="直線コネクタ 574"/>
        <xdr:cNvCxnSpPr/>
      </xdr:nvCxnSpPr>
      <xdr:spPr>
        <a:xfrm>
          <a:off x="12854940" y="14032231"/>
          <a:ext cx="774700" cy="40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23223</xdr:rowOff>
    </xdr:from>
    <xdr:to>
      <xdr:col>72</xdr:col>
      <xdr:colOff>38100</xdr:colOff>
      <xdr:row>83</xdr:row>
      <xdr:rowOff>124823</xdr:rowOff>
    </xdr:to>
    <xdr:sp macro="" textlink="">
      <xdr:nvSpPr>
        <xdr:cNvPr id="576" name="楕円 575"/>
        <xdr:cNvSpPr/>
      </xdr:nvSpPr>
      <xdr:spPr>
        <a:xfrm>
          <a:off x="12029440" y="1393734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74023</xdr:rowOff>
    </xdr:from>
    <xdr:to>
      <xdr:col>76</xdr:col>
      <xdr:colOff>114300</xdr:colOff>
      <xdr:row>83</xdr:row>
      <xdr:rowOff>118111</xdr:rowOff>
    </xdr:to>
    <xdr:cxnSp macro="">
      <xdr:nvCxnSpPr>
        <xdr:cNvPr id="577" name="直線コネクタ 576"/>
        <xdr:cNvCxnSpPr/>
      </xdr:nvCxnSpPr>
      <xdr:spPr>
        <a:xfrm>
          <a:off x="12072620" y="13988143"/>
          <a:ext cx="782320" cy="44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52219</xdr:rowOff>
    </xdr:from>
    <xdr:to>
      <xdr:col>67</xdr:col>
      <xdr:colOff>101600</xdr:colOff>
      <xdr:row>83</xdr:row>
      <xdr:rowOff>82369</xdr:rowOff>
    </xdr:to>
    <xdr:sp macro="" textlink="">
      <xdr:nvSpPr>
        <xdr:cNvPr id="578" name="楕円 577"/>
        <xdr:cNvSpPr/>
      </xdr:nvSpPr>
      <xdr:spPr>
        <a:xfrm>
          <a:off x="11231880" y="1389869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31569</xdr:rowOff>
    </xdr:from>
    <xdr:to>
      <xdr:col>71</xdr:col>
      <xdr:colOff>177800</xdr:colOff>
      <xdr:row>83</xdr:row>
      <xdr:rowOff>74023</xdr:rowOff>
    </xdr:to>
    <xdr:cxnSp macro="">
      <xdr:nvCxnSpPr>
        <xdr:cNvPr id="579" name="直線コネクタ 578"/>
        <xdr:cNvCxnSpPr/>
      </xdr:nvCxnSpPr>
      <xdr:spPr>
        <a:xfrm>
          <a:off x="11282680" y="13945689"/>
          <a:ext cx="78994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89098</xdr:rowOff>
    </xdr:from>
    <xdr:ext cx="405111" cy="259045"/>
    <xdr:sp macro="" textlink="">
      <xdr:nvSpPr>
        <xdr:cNvPr id="580" name="n_1aveValue【消防施設】&#10;有形固定資産減価償却率"/>
        <xdr:cNvSpPr txBox="1"/>
      </xdr:nvSpPr>
      <xdr:spPr>
        <a:xfrm>
          <a:off x="13437244" y="13667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77669</xdr:rowOff>
    </xdr:from>
    <xdr:ext cx="405111" cy="259045"/>
    <xdr:sp macro="" textlink="">
      <xdr:nvSpPr>
        <xdr:cNvPr id="581" name="n_2aveValue【消防施設】&#10;有形固定資産減価償却率"/>
        <xdr:cNvSpPr txBox="1"/>
      </xdr:nvSpPr>
      <xdr:spPr>
        <a:xfrm>
          <a:off x="12675244" y="13656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61340</xdr:rowOff>
    </xdr:from>
    <xdr:ext cx="405111" cy="259045"/>
    <xdr:sp macro="" textlink="">
      <xdr:nvSpPr>
        <xdr:cNvPr id="582" name="n_3aveValue【消防施設】&#10;有形固定資産減価償却率"/>
        <xdr:cNvSpPr txBox="1"/>
      </xdr:nvSpPr>
      <xdr:spPr>
        <a:xfrm>
          <a:off x="11900544" y="13640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30315</xdr:rowOff>
    </xdr:from>
    <xdr:ext cx="405111" cy="259045"/>
    <xdr:sp macro="" textlink="">
      <xdr:nvSpPr>
        <xdr:cNvPr id="583" name="n_4aveValue【消防施設】&#10;有形固定資産減価償却率"/>
        <xdr:cNvSpPr txBox="1"/>
      </xdr:nvSpPr>
      <xdr:spPr>
        <a:xfrm>
          <a:off x="11102984" y="13609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29408</xdr:rowOff>
    </xdr:from>
    <xdr:ext cx="405111" cy="259045"/>
    <xdr:sp macro="" textlink="">
      <xdr:nvSpPr>
        <xdr:cNvPr id="584" name="n_1mainValue【消防施設】&#10;有形固定資産減価償却率"/>
        <xdr:cNvSpPr txBox="1"/>
      </xdr:nvSpPr>
      <xdr:spPr>
        <a:xfrm>
          <a:off x="13437244" y="14111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60038</xdr:rowOff>
    </xdr:from>
    <xdr:ext cx="405111" cy="259045"/>
    <xdr:sp macro="" textlink="">
      <xdr:nvSpPr>
        <xdr:cNvPr id="585" name="n_2mainValue【消防施設】&#10;有形固定資産減価償却率"/>
        <xdr:cNvSpPr txBox="1"/>
      </xdr:nvSpPr>
      <xdr:spPr>
        <a:xfrm>
          <a:off x="12675244" y="14074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15950</xdr:rowOff>
    </xdr:from>
    <xdr:ext cx="405111" cy="259045"/>
    <xdr:sp macro="" textlink="">
      <xdr:nvSpPr>
        <xdr:cNvPr id="586" name="n_3mainValue【消防施設】&#10;有形固定資産減価償却率"/>
        <xdr:cNvSpPr txBox="1"/>
      </xdr:nvSpPr>
      <xdr:spPr>
        <a:xfrm>
          <a:off x="11900544" y="14030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73496</xdr:rowOff>
    </xdr:from>
    <xdr:ext cx="405111" cy="259045"/>
    <xdr:sp macro="" textlink="">
      <xdr:nvSpPr>
        <xdr:cNvPr id="587" name="n_4mainValue【消防施設】&#10;有形固定資産減価償却率"/>
        <xdr:cNvSpPr txBox="1"/>
      </xdr:nvSpPr>
      <xdr:spPr>
        <a:xfrm>
          <a:off x="11102984" y="13987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8" name="正方形/長方形 587"/>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9" name="正方形/長方形 588"/>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90" name="正方形/長方形 589"/>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91" name="正方形/長方形 590"/>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2" name="正方形/長方形 591"/>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3" name="正方形/長方形 592"/>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4" name="正方形/長方形 593"/>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5" name="正方形/長方形 594"/>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6" name="テキスト ボックス 595"/>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7" name="直線コネクタ 596"/>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98" name="直線コネクタ 597"/>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99" name="テキスト ボックス 598"/>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00" name="直線コネクタ 599"/>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01" name="テキスト ボックス 600"/>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02" name="直線コネクタ 601"/>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03" name="テキスト ボックス 602"/>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04" name="直線コネクタ 603"/>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05" name="テキスト ボックス 604"/>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6" name="直線コネクタ 605"/>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7" name="テキスト ボックス 606"/>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8" name="【消防施設】&#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63246</xdr:rowOff>
    </xdr:from>
    <xdr:to>
      <xdr:col>116</xdr:col>
      <xdr:colOff>62864</xdr:colOff>
      <xdr:row>86</xdr:row>
      <xdr:rowOff>10668</xdr:rowOff>
    </xdr:to>
    <xdr:cxnSp macro="">
      <xdr:nvCxnSpPr>
        <xdr:cNvPr id="609" name="直線コネクタ 608"/>
        <xdr:cNvCxnSpPr/>
      </xdr:nvCxnSpPr>
      <xdr:spPr>
        <a:xfrm flipV="1">
          <a:off x="19509104" y="13306806"/>
          <a:ext cx="0" cy="11209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610" name="【消防施設】&#10;一人当たり面積最小値テキスト"/>
        <xdr:cNvSpPr txBox="1"/>
      </xdr:nvSpPr>
      <xdr:spPr>
        <a:xfrm>
          <a:off x="19547840" y="1443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611" name="直線コネクタ 610"/>
        <xdr:cNvCxnSpPr/>
      </xdr:nvCxnSpPr>
      <xdr:spPr>
        <a:xfrm>
          <a:off x="19443700" y="144277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9923</xdr:rowOff>
    </xdr:from>
    <xdr:ext cx="469744" cy="259045"/>
    <xdr:sp macro="" textlink="">
      <xdr:nvSpPr>
        <xdr:cNvPr id="612" name="【消防施設】&#10;一人当たり面積最大値テキスト"/>
        <xdr:cNvSpPr txBox="1"/>
      </xdr:nvSpPr>
      <xdr:spPr>
        <a:xfrm>
          <a:off x="19547840" y="13085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63246</xdr:rowOff>
    </xdr:from>
    <xdr:to>
      <xdr:col>116</xdr:col>
      <xdr:colOff>152400</xdr:colOff>
      <xdr:row>79</xdr:row>
      <xdr:rowOff>63246</xdr:rowOff>
    </xdr:to>
    <xdr:cxnSp macro="">
      <xdr:nvCxnSpPr>
        <xdr:cNvPr id="613" name="直線コネクタ 612"/>
        <xdr:cNvCxnSpPr/>
      </xdr:nvCxnSpPr>
      <xdr:spPr>
        <a:xfrm>
          <a:off x="19443700" y="133068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28464</xdr:rowOff>
    </xdr:from>
    <xdr:ext cx="469744" cy="259045"/>
    <xdr:sp macro="" textlink="">
      <xdr:nvSpPr>
        <xdr:cNvPr id="614" name="【消防施設】&#10;一人当たり面積平均値テキスト"/>
        <xdr:cNvSpPr txBox="1"/>
      </xdr:nvSpPr>
      <xdr:spPr>
        <a:xfrm>
          <a:off x="19547840" y="139425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615" name="フローチャート: 判断 614"/>
        <xdr:cNvSpPr/>
      </xdr:nvSpPr>
      <xdr:spPr>
        <a:xfrm>
          <a:off x="19458940" y="14087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616" name="フローチャート: 判断 615"/>
        <xdr:cNvSpPr/>
      </xdr:nvSpPr>
      <xdr:spPr>
        <a:xfrm>
          <a:off x="18735040" y="1409649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3876</xdr:rowOff>
    </xdr:from>
    <xdr:to>
      <xdr:col>107</xdr:col>
      <xdr:colOff>101600</xdr:colOff>
      <xdr:row>84</xdr:row>
      <xdr:rowOff>125476</xdr:rowOff>
    </xdr:to>
    <xdr:sp macro="" textlink="">
      <xdr:nvSpPr>
        <xdr:cNvPr id="617" name="フローチャート: 判断 616"/>
        <xdr:cNvSpPr/>
      </xdr:nvSpPr>
      <xdr:spPr>
        <a:xfrm>
          <a:off x="17937480" y="14105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3876</xdr:rowOff>
    </xdr:from>
    <xdr:to>
      <xdr:col>102</xdr:col>
      <xdr:colOff>165100</xdr:colOff>
      <xdr:row>84</xdr:row>
      <xdr:rowOff>125476</xdr:rowOff>
    </xdr:to>
    <xdr:sp macro="" textlink="">
      <xdr:nvSpPr>
        <xdr:cNvPr id="618" name="フローチャート: 判断 617"/>
        <xdr:cNvSpPr/>
      </xdr:nvSpPr>
      <xdr:spPr>
        <a:xfrm>
          <a:off x="17162780" y="14105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28448</xdr:rowOff>
    </xdr:from>
    <xdr:to>
      <xdr:col>98</xdr:col>
      <xdr:colOff>38100</xdr:colOff>
      <xdr:row>84</xdr:row>
      <xdr:rowOff>130048</xdr:rowOff>
    </xdr:to>
    <xdr:sp macro="" textlink="">
      <xdr:nvSpPr>
        <xdr:cNvPr id="619" name="フローチャート: 判断 618"/>
        <xdr:cNvSpPr/>
      </xdr:nvSpPr>
      <xdr:spPr>
        <a:xfrm>
          <a:off x="16388080" y="1411020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20" name="テキスト ボックス 619"/>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21" name="テキスト ボックス 620"/>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2" name="テキスト ボックス 621"/>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3" name="テキスト ボックス 622"/>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4" name="テキスト ボックス 623"/>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10744</xdr:rowOff>
    </xdr:from>
    <xdr:to>
      <xdr:col>116</xdr:col>
      <xdr:colOff>114300</xdr:colOff>
      <xdr:row>85</xdr:row>
      <xdr:rowOff>40894</xdr:rowOff>
    </xdr:to>
    <xdr:sp macro="" textlink="">
      <xdr:nvSpPr>
        <xdr:cNvPr id="625" name="楕円 624"/>
        <xdr:cNvSpPr/>
      </xdr:nvSpPr>
      <xdr:spPr>
        <a:xfrm>
          <a:off x="19458940" y="14192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89171</xdr:rowOff>
    </xdr:from>
    <xdr:ext cx="469744" cy="259045"/>
    <xdr:sp macro="" textlink="">
      <xdr:nvSpPr>
        <xdr:cNvPr id="626" name="【消防施設】&#10;一人当たり面積該当値テキスト"/>
        <xdr:cNvSpPr txBox="1"/>
      </xdr:nvSpPr>
      <xdr:spPr>
        <a:xfrm>
          <a:off x="19547840" y="14170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10744</xdr:rowOff>
    </xdr:from>
    <xdr:to>
      <xdr:col>112</xdr:col>
      <xdr:colOff>38100</xdr:colOff>
      <xdr:row>85</xdr:row>
      <xdr:rowOff>40894</xdr:rowOff>
    </xdr:to>
    <xdr:sp macro="" textlink="">
      <xdr:nvSpPr>
        <xdr:cNvPr id="627" name="楕円 626"/>
        <xdr:cNvSpPr/>
      </xdr:nvSpPr>
      <xdr:spPr>
        <a:xfrm>
          <a:off x="18735040" y="141925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61544</xdr:rowOff>
    </xdr:from>
    <xdr:to>
      <xdr:col>116</xdr:col>
      <xdr:colOff>63500</xdr:colOff>
      <xdr:row>84</xdr:row>
      <xdr:rowOff>161544</xdr:rowOff>
    </xdr:to>
    <xdr:cxnSp macro="">
      <xdr:nvCxnSpPr>
        <xdr:cNvPr id="628" name="直線コネクタ 627"/>
        <xdr:cNvCxnSpPr/>
      </xdr:nvCxnSpPr>
      <xdr:spPr>
        <a:xfrm>
          <a:off x="18778220" y="1424330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10744</xdr:rowOff>
    </xdr:from>
    <xdr:to>
      <xdr:col>107</xdr:col>
      <xdr:colOff>101600</xdr:colOff>
      <xdr:row>85</xdr:row>
      <xdr:rowOff>40894</xdr:rowOff>
    </xdr:to>
    <xdr:sp macro="" textlink="">
      <xdr:nvSpPr>
        <xdr:cNvPr id="629" name="楕円 628"/>
        <xdr:cNvSpPr/>
      </xdr:nvSpPr>
      <xdr:spPr>
        <a:xfrm>
          <a:off x="17937480" y="14192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61544</xdr:rowOff>
    </xdr:from>
    <xdr:to>
      <xdr:col>111</xdr:col>
      <xdr:colOff>177800</xdr:colOff>
      <xdr:row>84</xdr:row>
      <xdr:rowOff>161544</xdr:rowOff>
    </xdr:to>
    <xdr:cxnSp macro="">
      <xdr:nvCxnSpPr>
        <xdr:cNvPr id="630" name="直線コネクタ 629"/>
        <xdr:cNvCxnSpPr/>
      </xdr:nvCxnSpPr>
      <xdr:spPr>
        <a:xfrm>
          <a:off x="17988280" y="1424330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10744</xdr:rowOff>
    </xdr:from>
    <xdr:to>
      <xdr:col>102</xdr:col>
      <xdr:colOff>165100</xdr:colOff>
      <xdr:row>85</xdr:row>
      <xdr:rowOff>40894</xdr:rowOff>
    </xdr:to>
    <xdr:sp macro="" textlink="">
      <xdr:nvSpPr>
        <xdr:cNvPr id="631" name="楕円 630"/>
        <xdr:cNvSpPr/>
      </xdr:nvSpPr>
      <xdr:spPr>
        <a:xfrm>
          <a:off x="17162780" y="14192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61544</xdr:rowOff>
    </xdr:from>
    <xdr:to>
      <xdr:col>107</xdr:col>
      <xdr:colOff>50800</xdr:colOff>
      <xdr:row>84</xdr:row>
      <xdr:rowOff>161544</xdr:rowOff>
    </xdr:to>
    <xdr:cxnSp macro="">
      <xdr:nvCxnSpPr>
        <xdr:cNvPr id="632" name="直線コネクタ 631"/>
        <xdr:cNvCxnSpPr/>
      </xdr:nvCxnSpPr>
      <xdr:spPr>
        <a:xfrm>
          <a:off x="17213580" y="1424330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10744</xdr:rowOff>
    </xdr:from>
    <xdr:to>
      <xdr:col>98</xdr:col>
      <xdr:colOff>38100</xdr:colOff>
      <xdr:row>85</xdr:row>
      <xdr:rowOff>40894</xdr:rowOff>
    </xdr:to>
    <xdr:sp macro="" textlink="">
      <xdr:nvSpPr>
        <xdr:cNvPr id="633" name="楕円 632"/>
        <xdr:cNvSpPr/>
      </xdr:nvSpPr>
      <xdr:spPr>
        <a:xfrm>
          <a:off x="16388080" y="141925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61544</xdr:rowOff>
    </xdr:from>
    <xdr:to>
      <xdr:col>102</xdr:col>
      <xdr:colOff>114300</xdr:colOff>
      <xdr:row>84</xdr:row>
      <xdr:rowOff>161544</xdr:rowOff>
    </xdr:to>
    <xdr:cxnSp macro="">
      <xdr:nvCxnSpPr>
        <xdr:cNvPr id="634" name="直線コネクタ 633"/>
        <xdr:cNvCxnSpPr/>
      </xdr:nvCxnSpPr>
      <xdr:spPr>
        <a:xfrm>
          <a:off x="16431260" y="1424330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2859</xdr:rowOff>
    </xdr:from>
    <xdr:ext cx="469744" cy="259045"/>
    <xdr:sp macro="" textlink="">
      <xdr:nvSpPr>
        <xdr:cNvPr id="635" name="n_1aveValue【消防施設】&#10;一人当たり面積"/>
        <xdr:cNvSpPr txBox="1"/>
      </xdr:nvSpPr>
      <xdr:spPr>
        <a:xfrm>
          <a:off x="18561127" y="1387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2003</xdr:rowOff>
    </xdr:from>
    <xdr:ext cx="469744" cy="259045"/>
    <xdr:sp macro="" textlink="">
      <xdr:nvSpPr>
        <xdr:cNvPr id="636" name="n_2aveValue【消防施設】&#10;一人当たり面積"/>
        <xdr:cNvSpPr txBox="1"/>
      </xdr:nvSpPr>
      <xdr:spPr>
        <a:xfrm>
          <a:off x="17776267" y="1388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2003</xdr:rowOff>
    </xdr:from>
    <xdr:ext cx="469744" cy="259045"/>
    <xdr:sp macro="" textlink="">
      <xdr:nvSpPr>
        <xdr:cNvPr id="637" name="n_3aveValue【消防施設】&#10;一人当たり面積"/>
        <xdr:cNvSpPr txBox="1"/>
      </xdr:nvSpPr>
      <xdr:spPr>
        <a:xfrm>
          <a:off x="17001567" y="1388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46575</xdr:rowOff>
    </xdr:from>
    <xdr:ext cx="469744" cy="259045"/>
    <xdr:sp macro="" textlink="">
      <xdr:nvSpPr>
        <xdr:cNvPr id="638" name="n_4aveValue【消防施設】&#10;一人当たり面積"/>
        <xdr:cNvSpPr txBox="1"/>
      </xdr:nvSpPr>
      <xdr:spPr>
        <a:xfrm>
          <a:off x="16226867" y="13893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32021</xdr:rowOff>
    </xdr:from>
    <xdr:ext cx="469744" cy="259045"/>
    <xdr:sp macro="" textlink="">
      <xdr:nvSpPr>
        <xdr:cNvPr id="639" name="n_1mainValue【消防施設】&#10;一人当たり面積"/>
        <xdr:cNvSpPr txBox="1"/>
      </xdr:nvSpPr>
      <xdr:spPr>
        <a:xfrm>
          <a:off x="1856112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32021</xdr:rowOff>
    </xdr:from>
    <xdr:ext cx="469744" cy="259045"/>
    <xdr:sp macro="" textlink="">
      <xdr:nvSpPr>
        <xdr:cNvPr id="640" name="n_2mainValue【消防施設】&#10;一人当たり面積"/>
        <xdr:cNvSpPr txBox="1"/>
      </xdr:nvSpPr>
      <xdr:spPr>
        <a:xfrm>
          <a:off x="1777626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32021</xdr:rowOff>
    </xdr:from>
    <xdr:ext cx="469744" cy="259045"/>
    <xdr:sp macro="" textlink="">
      <xdr:nvSpPr>
        <xdr:cNvPr id="641" name="n_3mainValue【消防施設】&#10;一人当たり面積"/>
        <xdr:cNvSpPr txBox="1"/>
      </xdr:nvSpPr>
      <xdr:spPr>
        <a:xfrm>
          <a:off x="1700156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32021</xdr:rowOff>
    </xdr:from>
    <xdr:ext cx="469744" cy="259045"/>
    <xdr:sp macro="" textlink="">
      <xdr:nvSpPr>
        <xdr:cNvPr id="642" name="n_4mainValue【消防施設】&#10;一人当たり面積"/>
        <xdr:cNvSpPr txBox="1"/>
      </xdr:nvSpPr>
      <xdr:spPr>
        <a:xfrm>
          <a:off x="1622686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43" name="正方形/長方形 642"/>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4" name="正方形/長方形 643"/>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5" name="正方形/長方形 644"/>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6" name="正方形/長方形 645"/>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7" name="正方形/長方形 646"/>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8" name="正方形/長方形 647"/>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9" name="正方形/長方形 648"/>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0" name="正方形/長方形 649"/>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51" name="テキスト ボックス 650"/>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2" name="直線コネクタ 651"/>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3" name="テキスト ボックス 652"/>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4" name="直線コネクタ 653"/>
        <xdr:cNvCxnSpPr/>
      </xdr:nvCxnSpPr>
      <xdr:spPr>
        <a:xfrm>
          <a:off x="10960100" y="182575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55" name="テキスト ボックス 654"/>
        <xdr:cNvSpPr txBox="1"/>
      </xdr:nvSpPr>
      <xdr:spPr>
        <a:xfrm>
          <a:off x="105615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6" name="直線コネクタ 655"/>
        <xdr:cNvCxnSpPr/>
      </xdr:nvCxnSpPr>
      <xdr:spPr>
        <a:xfrm>
          <a:off x="10960100" y="178841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7" name="テキスト ボックス 656"/>
        <xdr:cNvSpPr txBox="1"/>
      </xdr:nvSpPr>
      <xdr:spPr>
        <a:xfrm>
          <a:off x="1060276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8" name="直線コネクタ 657"/>
        <xdr:cNvCxnSpPr/>
      </xdr:nvCxnSpPr>
      <xdr:spPr>
        <a:xfrm>
          <a:off x="10960100" y="175107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9" name="テキスト ボックス 658"/>
        <xdr:cNvSpPr txBox="1"/>
      </xdr:nvSpPr>
      <xdr:spPr>
        <a:xfrm>
          <a:off x="1060276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60" name="直線コネクタ 659"/>
        <xdr:cNvCxnSpPr/>
      </xdr:nvCxnSpPr>
      <xdr:spPr>
        <a:xfrm>
          <a:off x="10960100" y="171373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61" name="テキスト ボックス 660"/>
        <xdr:cNvSpPr txBox="1"/>
      </xdr:nvSpPr>
      <xdr:spPr>
        <a:xfrm>
          <a:off x="1060276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62" name="直線コネクタ 661"/>
        <xdr:cNvCxnSpPr/>
      </xdr:nvCxnSpPr>
      <xdr:spPr>
        <a:xfrm>
          <a:off x="10960100" y="167640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63" name="テキスト ボックス 662"/>
        <xdr:cNvSpPr txBox="1"/>
      </xdr:nvSpPr>
      <xdr:spPr>
        <a:xfrm>
          <a:off x="1066688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4" name="直線コネクタ 663"/>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5"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666" name="直線コネクタ 665"/>
        <xdr:cNvCxnSpPr/>
      </xdr:nvCxnSpPr>
      <xdr:spPr>
        <a:xfrm flipV="1">
          <a:off x="14375764" y="16764000"/>
          <a:ext cx="0" cy="1243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667" name="【庁舎】&#10;有形固定資産減価償却率最小値テキスト"/>
        <xdr:cNvSpPr txBox="1"/>
      </xdr:nvSpPr>
      <xdr:spPr>
        <a:xfrm>
          <a:off x="14414500" y="18011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668" name="直線コネクタ 667"/>
        <xdr:cNvCxnSpPr/>
      </xdr:nvCxnSpPr>
      <xdr:spPr>
        <a:xfrm>
          <a:off x="14287500" y="180073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669" name="【庁舎】&#10;有形固定資産減価償却率最大値テキスト"/>
        <xdr:cNvSpPr txBox="1"/>
      </xdr:nvSpPr>
      <xdr:spPr>
        <a:xfrm>
          <a:off x="14414500" y="165468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70" name="直線コネクタ 669"/>
        <xdr:cNvCxnSpPr/>
      </xdr:nvCxnSpPr>
      <xdr:spPr>
        <a:xfrm>
          <a:off x="14287500" y="167640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07966</xdr:rowOff>
    </xdr:from>
    <xdr:ext cx="405111" cy="259045"/>
    <xdr:sp macro="" textlink="">
      <xdr:nvSpPr>
        <xdr:cNvPr id="671" name="【庁舎】&#10;有形固定資産減価償却率平均値テキスト"/>
        <xdr:cNvSpPr txBox="1"/>
      </xdr:nvSpPr>
      <xdr:spPr>
        <a:xfrm>
          <a:off x="14414500" y="172072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85089</xdr:rowOff>
    </xdr:from>
    <xdr:to>
      <xdr:col>85</xdr:col>
      <xdr:colOff>177800</xdr:colOff>
      <xdr:row>104</xdr:row>
      <xdr:rowOff>15239</xdr:rowOff>
    </xdr:to>
    <xdr:sp macro="" textlink="">
      <xdr:nvSpPr>
        <xdr:cNvPr id="672" name="フローチャート: 判断 671"/>
        <xdr:cNvSpPr/>
      </xdr:nvSpPr>
      <xdr:spPr>
        <a:xfrm>
          <a:off x="14325600" y="17352009"/>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85089</xdr:rowOff>
    </xdr:from>
    <xdr:to>
      <xdr:col>81</xdr:col>
      <xdr:colOff>101600</xdr:colOff>
      <xdr:row>104</xdr:row>
      <xdr:rowOff>15239</xdr:rowOff>
    </xdr:to>
    <xdr:sp macro="" textlink="">
      <xdr:nvSpPr>
        <xdr:cNvPr id="673" name="フローチャート: 判断 672"/>
        <xdr:cNvSpPr/>
      </xdr:nvSpPr>
      <xdr:spPr>
        <a:xfrm>
          <a:off x="13578840" y="1735200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9220</xdr:rowOff>
    </xdr:from>
    <xdr:to>
      <xdr:col>76</xdr:col>
      <xdr:colOff>165100</xdr:colOff>
      <xdr:row>104</xdr:row>
      <xdr:rowOff>39370</xdr:rowOff>
    </xdr:to>
    <xdr:sp macro="" textlink="">
      <xdr:nvSpPr>
        <xdr:cNvPr id="674" name="フローチャート: 判断 673"/>
        <xdr:cNvSpPr/>
      </xdr:nvSpPr>
      <xdr:spPr>
        <a:xfrm>
          <a:off x="12804140" y="17376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43511</xdr:rowOff>
    </xdr:from>
    <xdr:to>
      <xdr:col>72</xdr:col>
      <xdr:colOff>38100</xdr:colOff>
      <xdr:row>104</xdr:row>
      <xdr:rowOff>73661</xdr:rowOff>
    </xdr:to>
    <xdr:sp macro="" textlink="">
      <xdr:nvSpPr>
        <xdr:cNvPr id="675" name="フローチャート: 判断 674"/>
        <xdr:cNvSpPr/>
      </xdr:nvSpPr>
      <xdr:spPr>
        <a:xfrm>
          <a:off x="12029440" y="1741043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14300</xdr:rowOff>
    </xdr:from>
    <xdr:to>
      <xdr:col>67</xdr:col>
      <xdr:colOff>101600</xdr:colOff>
      <xdr:row>104</xdr:row>
      <xdr:rowOff>44450</xdr:rowOff>
    </xdr:to>
    <xdr:sp macro="" textlink="">
      <xdr:nvSpPr>
        <xdr:cNvPr id="676" name="フローチャート: 判断 675"/>
        <xdr:cNvSpPr/>
      </xdr:nvSpPr>
      <xdr:spPr>
        <a:xfrm>
          <a:off x="11231880" y="173812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7" name="テキスト ボックス 676"/>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8" name="テキスト ボックス 677"/>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9" name="テキスト ボックス 678"/>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0" name="テキスト ボックス 679"/>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1" name="テキスト ボックス 680"/>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02870</xdr:rowOff>
    </xdr:from>
    <xdr:to>
      <xdr:col>85</xdr:col>
      <xdr:colOff>177800</xdr:colOff>
      <xdr:row>107</xdr:row>
      <xdr:rowOff>33020</xdr:rowOff>
    </xdr:to>
    <xdr:sp macro="" textlink="">
      <xdr:nvSpPr>
        <xdr:cNvPr id="682" name="楕円 681"/>
        <xdr:cNvSpPr/>
      </xdr:nvSpPr>
      <xdr:spPr>
        <a:xfrm>
          <a:off x="14325600" y="1787271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7797</xdr:rowOff>
    </xdr:from>
    <xdr:ext cx="405111" cy="259045"/>
    <xdr:sp macro="" textlink="">
      <xdr:nvSpPr>
        <xdr:cNvPr id="683" name="【庁舎】&#10;有形固定資産減価償却率該当値テキスト"/>
        <xdr:cNvSpPr txBox="1"/>
      </xdr:nvSpPr>
      <xdr:spPr>
        <a:xfrm>
          <a:off x="14414500" y="17787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80011</xdr:rowOff>
    </xdr:from>
    <xdr:to>
      <xdr:col>81</xdr:col>
      <xdr:colOff>101600</xdr:colOff>
      <xdr:row>107</xdr:row>
      <xdr:rowOff>10161</xdr:rowOff>
    </xdr:to>
    <xdr:sp macro="" textlink="">
      <xdr:nvSpPr>
        <xdr:cNvPr id="684" name="楕円 683"/>
        <xdr:cNvSpPr/>
      </xdr:nvSpPr>
      <xdr:spPr>
        <a:xfrm>
          <a:off x="13578840" y="178498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30811</xdr:rowOff>
    </xdr:from>
    <xdr:to>
      <xdr:col>85</xdr:col>
      <xdr:colOff>127000</xdr:colOff>
      <xdr:row>106</xdr:row>
      <xdr:rowOff>153670</xdr:rowOff>
    </xdr:to>
    <xdr:cxnSp macro="">
      <xdr:nvCxnSpPr>
        <xdr:cNvPr id="685" name="直線コネクタ 684"/>
        <xdr:cNvCxnSpPr/>
      </xdr:nvCxnSpPr>
      <xdr:spPr>
        <a:xfrm>
          <a:off x="13629640" y="17900651"/>
          <a:ext cx="74676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58420</xdr:rowOff>
    </xdr:from>
    <xdr:to>
      <xdr:col>76</xdr:col>
      <xdr:colOff>165100</xdr:colOff>
      <xdr:row>106</xdr:row>
      <xdr:rowOff>160020</xdr:rowOff>
    </xdr:to>
    <xdr:sp macro="" textlink="">
      <xdr:nvSpPr>
        <xdr:cNvPr id="686" name="楕円 685"/>
        <xdr:cNvSpPr/>
      </xdr:nvSpPr>
      <xdr:spPr>
        <a:xfrm>
          <a:off x="12804140" y="17828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09220</xdr:rowOff>
    </xdr:from>
    <xdr:to>
      <xdr:col>81</xdr:col>
      <xdr:colOff>50800</xdr:colOff>
      <xdr:row>106</xdr:row>
      <xdr:rowOff>130811</xdr:rowOff>
    </xdr:to>
    <xdr:cxnSp macro="">
      <xdr:nvCxnSpPr>
        <xdr:cNvPr id="687" name="直線コネクタ 686"/>
        <xdr:cNvCxnSpPr/>
      </xdr:nvCxnSpPr>
      <xdr:spPr>
        <a:xfrm>
          <a:off x="12854940" y="17879060"/>
          <a:ext cx="774700" cy="21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35561</xdr:rowOff>
    </xdr:from>
    <xdr:to>
      <xdr:col>72</xdr:col>
      <xdr:colOff>38100</xdr:colOff>
      <xdr:row>106</xdr:row>
      <xdr:rowOff>137161</xdr:rowOff>
    </xdr:to>
    <xdr:sp macro="" textlink="">
      <xdr:nvSpPr>
        <xdr:cNvPr id="688" name="楕円 687"/>
        <xdr:cNvSpPr/>
      </xdr:nvSpPr>
      <xdr:spPr>
        <a:xfrm>
          <a:off x="12029440" y="178054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86361</xdr:rowOff>
    </xdr:from>
    <xdr:to>
      <xdr:col>76</xdr:col>
      <xdr:colOff>114300</xdr:colOff>
      <xdr:row>106</xdr:row>
      <xdr:rowOff>109220</xdr:rowOff>
    </xdr:to>
    <xdr:cxnSp macro="">
      <xdr:nvCxnSpPr>
        <xdr:cNvPr id="689" name="直線コネクタ 688"/>
        <xdr:cNvCxnSpPr/>
      </xdr:nvCxnSpPr>
      <xdr:spPr>
        <a:xfrm>
          <a:off x="12072620" y="17856201"/>
          <a:ext cx="78232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12700</xdr:rowOff>
    </xdr:from>
    <xdr:to>
      <xdr:col>67</xdr:col>
      <xdr:colOff>101600</xdr:colOff>
      <xdr:row>106</xdr:row>
      <xdr:rowOff>114300</xdr:rowOff>
    </xdr:to>
    <xdr:sp macro="" textlink="">
      <xdr:nvSpPr>
        <xdr:cNvPr id="690" name="楕円 689"/>
        <xdr:cNvSpPr/>
      </xdr:nvSpPr>
      <xdr:spPr>
        <a:xfrm>
          <a:off x="11231880" y="17782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63500</xdr:rowOff>
    </xdr:from>
    <xdr:to>
      <xdr:col>71</xdr:col>
      <xdr:colOff>177800</xdr:colOff>
      <xdr:row>106</xdr:row>
      <xdr:rowOff>86361</xdr:rowOff>
    </xdr:to>
    <xdr:cxnSp macro="">
      <xdr:nvCxnSpPr>
        <xdr:cNvPr id="691" name="直線コネクタ 690"/>
        <xdr:cNvCxnSpPr/>
      </xdr:nvCxnSpPr>
      <xdr:spPr>
        <a:xfrm>
          <a:off x="11282680" y="17833340"/>
          <a:ext cx="78994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31766</xdr:rowOff>
    </xdr:from>
    <xdr:ext cx="405111" cy="259045"/>
    <xdr:sp macro="" textlink="">
      <xdr:nvSpPr>
        <xdr:cNvPr id="692" name="n_1aveValue【庁舎】&#10;有形固定資産減価償却率"/>
        <xdr:cNvSpPr txBox="1"/>
      </xdr:nvSpPr>
      <xdr:spPr>
        <a:xfrm>
          <a:off x="13437244" y="17131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55897</xdr:rowOff>
    </xdr:from>
    <xdr:ext cx="405111" cy="259045"/>
    <xdr:sp macro="" textlink="">
      <xdr:nvSpPr>
        <xdr:cNvPr id="693" name="n_2aveValue【庁舎】&#10;有形固定資産減価償却率"/>
        <xdr:cNvSpPr txBox="1"/>
      </xdr:nvSpPr>
      <xdr:spPr>
        <a:xfrm>
          <a:off x="12675244" y="1715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0188</xdr:rowOff>
    </xdr:from>
    <xdr:ext cx="405111" cy="259045"/>
    <xdr:sp macro="" textlink="">
      <xdr:nvSpPr>
        <xdr:cNvPr id="694" name="n_3aveValue【庁舎】&#10;有形固定資産減価償却率"/>
        <xdr:cNvSpPr txBox="1"/>
      </xdr:nvSpPr>
      <xdr:spPr>
        <a:xfrm>
          <a:off x="11900544" y="17189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0977</xdr:rowOff>
    </xdr:from>
    <xdr:ext cx="405111" cy="259045"/>
    <xdr:sp macro="" textlink="">
      <xdr:nvSpPr>
        <xdr:cNvPr id="695" name="n_4aveValue【庁舎】&#10;有形固定資産減価償却率"/>
        <xdr:cNvSpPr txBox="1"/>
      </xdr:nvSpPr>
      <xdr:spPr>
        <a:xfrm>
          <a:off x="11102984" y="17160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1288</xdr:rowOff>
    </xdr:from>
    <xdr:ext cx="405111" cy="259045"/>
    <xdr:sp macro="" textlink="">
      <xdr:nvSpPr>
        <xdr:cNvPr id="696" name="n_1mainValue【庁舎】&#10;有形固定資産減価償却率"/>
        <xdr:cNvSpPr txBox="1"/>
      </xdr:nvSpPr>
      <xdr:spPr>
        <a:xfrm>
          <a:off x="13437244" y="179387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51147</xdr:rowOff>
    </xdr:from>
    <xdr:ext cx="405111" cy="259045"/>
    <xdr:sp macro="" textlink="">
      <xdr:nvSpPr>
        <xdr:cNvPr id="697" name="n_2mainValue【庁舎】&#10;有形固定資産減価償却率"/>
        <xdr:cNvSpPr txBox="1"/>
      </xdr:nvSpPr>
      <xdr:spPr>
        <a:xfrm>
          <a:off x="12675244" y="17920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28288</xdr:rowOff>
    </xdr:from>
    <xdr:ext cx="405111" cy="259045"/>
    <xdr:sp macro="" textlink="">
      <xdr:nvSpPr>
        <xdr:cNvPr id="698" name="n_3mainValue【庁舎】&#10;有形固定資産減価償却率"/>
        <xdr:cNvSpPr txBox="1"/>
      </xdr:nvSpPr>
      <xdr:spPr>
        <a:xfrm>
          <a:off x="11900544" y="178981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05427</xdr:rowOff>
    </xdr:from>
    <xdr:ext cx="405111" cy="259045"/>
    <xdr:sp macro="" textlink="">
      <xdr:nvSpPr>
        <xdr:cNvPr id="699" name="n_4mainValue【庁舎】&#10;有形固定資産減価償却率"/>
        <xdr:cNvSpPr txBox="1"/>
      </xdr:nvSpPr>
      <xdr:spPr>
        <a:xfrm>
          <a:off x="11102984" y="17875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00" name="正方形/長方形 699"/>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1" name="正方形/長方形 700"/>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2" name="正方形/長方形 701"/>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3" name="正方形/長方形 702"/>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4" name="正方形/長方形 703"/>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5" name="正方形/長方形 704"/>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6" name="正方形/長方形 705"/>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7" name="正方形/長方形 706"/>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8" name="テキスト ボックス 707"/>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9" name="直線コネクタ 708"/>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710" name="テキスト ボックス 709"/>
        <xdr:cNvSpPr txBox="1"/>
      </xdr:nvSpPr>
      <xdr:spPr>
        <a:xfrm>
          <a:off x="1569484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711" name="直線コネクタ 710"/>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12" name="テキスト ボックス 711"/>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13" name="直線コネクタ 712"/>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14" name="テキスト ボックス 713"/>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15" name="直線コネクタ 714"/>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6" name="テキスト ボックス 715"/>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7" name="直線コネクタ 716"/>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8" name="テキスト ボックス 717"/>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9" name="直線コネクタ 718"/>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20" name="テキスト ボックス 719"/>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21" name="直線コネクタ 720"/>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22" name="テキスト ボックス 721"/>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3" name="直線コネクタ 722"/>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4" name="テキスト ボックス 723"/>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5"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0682</xdr:rowOff>
    </xdr:from>
    <xdr:to>
      <xdr:col>116</xdr:col>
      <xdr:colOff>62864</xdr:colOff>
      <xdr:row>108</xdr:row>
      <xdr:rowOff>164374</xdr:rowOff>
    </xdr:to>
    <xdr:cxnSp macro="">
      <xdr:nvCxnSpPr>
        <xdr:cNvPr id="726" name="直線コネクタ 725"/>
        <xdr:cNvCxnSpPr/>
      </xdr:nvCxnSpPr>
      <xdr:spPr>
        <a:xfrm flipV="1">
          <a:off x="19509104" y="16784682"/>
          <a:ext cx="0" cy="14848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727" name="【庁舎】&#10;一人当たり面積最小値テキスト"/>
        <xdr:cNvSpPr txBox="1"/>
      </xdr:nvSpPr>
      <xdr:spPr>
        <a:xfrm>
          <a:off x="19547840" y="18273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728" name="直線コネクタ 727"/>
        <xdr:cNvCxnSpPr/>
      </xdr:nvCxnSpPr>
      <xdr:spPr>
        <a:xfrm>
          <a:off x="19443700" y="1826949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8809</xdr:rowOff>
    </xdr:from>
    <xdr:ext cx="469744" cy="259045"/>
    <xdr:sp macro="" textlink="">
      <xdr:nvSpPr>
        <xdr:cNvPr id="729" name="【庁舎】&#10;一人当たり面積最大値テキスト"/>
        <xdr:cNvSpPr txBox="1"/>
      </xdr:nvSpPr>
      <xdr:spPr>
        <a:xfrm>
          <a:off x="19547840" y="16567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0682</xdr:rowOff>
    </xdr:from>
    <xdr:to>
      <xdr:col>116</xdr:col>
      <xdr:colOff>152400</xdr:colOff>
      <xdr:row>100</xdr:row>
      <xdr:rowOff>20682</xdr:rowOff>
    </xdr:to>
    <xdr:cxnSp macro="">
      <xdr:nvCxnSpPr>
        <xdr:cNvPr id="730" name="直線コネクタ 729"/>
        <xdr:cNvCxnSpPr/>
      </xdr:nvCxnSpPr>
      <xdr:spPr>
        <a:xfrm>
          <a:off x="19443700" y="1678468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42983</xdr:rowOff>
    </xdr:from>
    <xdr:ext cx="469744" cy="259045"/>
    <xdr:sp macro="" textlink="">
      <xdr:nvSpPr>
        <xdr:cNvPr id="731" name="【庁舎】&#10;一人当たり面積平均値テキスト"/>
        <xdr:cNvSpPr txBox="1"/>
      </xdr:nvSpPr>
      <xdr:spPr>
        <a:xfrm>
          <a:off x="19547840" y="177451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0106</xdr:rowOff>
    </xdr:from>
    <xdr:to>
      <xdr:col>116</xdr:col>
      <xdr:colOff>114300</xdr:colOff>
      <xdr:row>107</xdr:row>
      <xdr:rowOff>50256</xdr:rowOff>
    </xdr:to>
    <xdr:sp macro="" textlink="">
      <xdr:nvSpPr>
        <xdr:cNvPr id="732" name="フローチャート: 判断 731"/>
        <xdr:cNvSpPr/>
      </xdr:nvSpPr>
      <xdr:spPr>
        <a:xfrm>
          <a:off x="19458940" y="178899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16839</xdr:rowOff>
    </xdr:from>
    <xdr:to>
      <xdr:col>112</xdr:col>
      <xdr:colOff>38100</xdr:colOff>
      <xdr:row>107</xdr:row>
      <xdr:rowOff>46989</xdr:rowOff>
    </xdr:to>
    <xdr:sp macro="" textlink="">
      <xdr:nvSpPr>
        <xdr:cNvPr id="733" name="フローチャート: 判断 732"/>
        <xdr:cNvSpPr/>
      </xdr:nvSpPr>
      <xdr:spPr>
        <a:xfrm>
          <a:off x="18735040" y="1788667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734" name="フローチャート: 判断 733"/>
        <xdr:cNvSpPr/>
      </xdr:nvSpPr>
      <xdr:spPr>
        <a:xfrm>
          <a:off x="179374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735" name="フローチャート: 判断 734"/>
        <xdr:cNvSpPr/>
      </xdr:nvSpPr>
      <xdr:spPr>
        <a:xfrm>
          <a:off x="171627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42966</xdr:rowOff>
    </xdr:from>
    <xdr:to>
      <xdr:col>98</xdr:col>
      <xdr:colOff>38100</xdr:colOff>
      <xdr:row>107</xdr:row>
      <xdr:rowOff>73116</xdr:rowOff>
    </xdr:to>
    <xdr:sp macro="" textlink="">
      <xdr:nvSpPr>
        <xdr:cNvPr id="736" name="フローチャート: 判断 735"/>
        <xdr:cNvSpPr/>
      </xdr:nvSpPr>
      <xdr:spPr>
        <a:xfrm>
          <a:off x="16388080" y="179128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7" name="テキスト ボックス 736"/>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8" name="テキスト ボックス 737"/>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9" name="テキスト ボックス 738"/>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40" name="テキスト ボックス 739"/>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41" name="テキスト ボックス 740"/>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2337</xdr:rowOff>
    </xdr:from>
    <xdr:to>
      <xdr:col>116</xdr:col>
      <xdr:colOff>114300</xdr:colOff>
      <xdr:row>108</xdr:row>
      <xdr:rowOff>113937</xdr:rowOff>
    </xdr:to>
    <xdr:sp macro="" textlink="">
      <xdr:nvSpPr>
        <xdr:cNvPr id="742" name="楕円 741"/>
        <xdr:cNvSpPr/>
      </xdr:nvSpPr>
      <xdr:spPr>
        <a:xfrm>
          <a:off x="19458940" y="1811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98714</xdr:rowOff>
    </xdr:from>
    <xdr:ext cx="469744" cy="259045"/>
    <xdr:sp macro="" textlink="">
      <xdr:nvSpPr>
        <xdr:cNvPr id="743" name="【庁舎】&#10;一人当たり面積該当値テキスト"/>
        <xdr:cNvSpPr txBox="1"/>
      </xdr:nvSpPr>
      <xdr:spPr>
        <a:xfrm>
          <a:off x="19547840" y="18036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2337</xdr:rowOff>
    </xdr:from>
    <xdr:to>
      <xdr:col>112</xdr:col>
      <xdr:colOff>38100</xdr:colOff>
      <xdr:row>108</xdr:row>
      <xdr:rowOff>113937</xdr:rowOff>
    </xdr:to>
    <xdr:sp macro="" textlink="">
      <xdr:nvSpPr>
        <xdr:cNvPr id="744" name="楕円 743"/>
        <xdr:cNvSpPr/>
      </xdr:nvSpPr>
      <xdr:spPr>
        <a:xfrm>
          <a:off x="18735040" y="1811745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63137</xdr:rowOff>
    </xdr:from>
    <xdr:to>
      <xdr:col>116</xdr:col>
      <xdr:colOff>63500</xdr:colOff>
      <xdr:row>108</xdr:row>
      <xdr:rowOff>63137</xdr:rowOff>
    </xdr:to>
    <xdr:cxnSp macro="">
      <xdr:nvCxnSpPr>
        <xdr:cNvPr id="745" name="直線コネクタ 744"/>
        <xdr:cNvCxnSpPr/>
      </xdr:nvCxnSpPr>
      <xdr:spPr>
        <a:xfrm>
          <a:off x="18778220" y="18168257"/>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12337</xdr:rowOff>
    </xdr:from>
    <xdr:to>
      <xdr:col>107</xdr:col>
      <xdr:colOff>101600</xdr:colOff>
      <xdr:row>108</xdr:row>
      <xdr:rowOff>113937</xdr:rowOff>
    </xdr:to>
    <xdr:sp macro="" textlink="">
      <xdr:nvSpPr>
        <xdr:cNvPr id="746" name="楕円 745"/>
        <xdr:cNvSpPr/>
      </xdr:nvSpPr>
      <xdr:spPr>
        <a:xfrm>
          <a:off x="17937480" y="1811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63137</xdr:rowOff>
    </xdr:from>
    <xdr:to>
      <xdr:col>111</xdr:col>
      <xdr:colOff>177800</xdr:colOff>
      <xdr:row>108</xdr:row>
      <xdr:rowOff>63137</xdr:rowOff>
    </xdr:to>
    <xdr:cxnSp macro="">
      <xdr:nvCxnSpPr>
        <xdr:cNvPr id="747" name="直線コネクタ 746"/>
        <xdr:cNvCxnSpPr/>
      </xdr:nvCxnSpPr>
      <xdr:spPr>
        <a:xfrm>
          <a:off x="17988280" y="18168257"/>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9071</xdr:rowOff>
    </xdr:from>
    <xdr:to>
      <xdr:col>102</xdr:col>
      <xdr:colOff>165100</xdr:colOff>
      <xdr:row>108</xdr:row>
      <xdr:rowOff>110671</xdr:rowOff>
    </xdr:to>
    <xdr:sp macro="" textlink="">
      <xdr:nvSpPr>
        <xdr:cNvPr id="748" name="楕円 747"/>
        <xdr:cNvSpPr/>
      </xdr:nvSpPr>
      <xdr:spPr>
        <a:xfrm>
          <a:off x="17162780" y="18114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59871</xdr:rowOff>
    </xdr:from>
    <xdr:to>
      <xdr:col>107</xdr:col>
      <xdr:colOff>50800</xdr:colOff>
      <xdr:row>108</xdr:row>
      <xdr:rowOff>63137</xdr:rowOff>
    </xdr:to>
    <xdr:cxnSp macro="">
      <xdr:nvCxnSpPr>
        <xdr:cNvPr id="749" name="直線コネクタ 748"/>
        <xdr:cNvCxnSpPr/>
      </xdr:nvCxnSpPr>
      <xdr:spPr>
        <a:xfrm>
          <a:off x="17213580" y="18164991"/>
          <a:ext cx="7747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9071</xdr:rowOff>
    </xdr:from>
    <xdr:to>
      <xdr:col>98</xdr:col>
      <xdr:colOff>38100</xdr:colOff>
      <xdr:row>108</xdr:row>
      <xdr:rowOff>110671</xdr:rowOff>
    </xdr:to>
    <xdr:sp macro="" textlink="">
      <xdr:nvSpPr>
        <xdr:cNvPr id="750" name="楕円 749"/>
        <xdr:cNvSpPr/>
      </xdr:nvSpPr>
      <xdr:spPr>
        <a:xfrm>
          <a:off x="16388080" y="1811419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59871</xdr:rowOff>
    </xdr:from>
    <xdr:to>
      <xdr:col>102</xdr:col>
      <xdr:colOff>114300</xdr:colOff>
      <xdr:row>108</xdr:row>
      <xdr:rowOff>59871</xdr:rowOff>
    </xdr:to>
    <xdr:cxnSp macro="">
      <xdr:nvCxnSpPr>
        <xdr:cNvPr id="751" name="直線コネクタ 750"/>
        <xdr:cNvCxnSpPr/>
      </xdr:nvCxnSpPr>
      <xdr:spPr>
        <a:xfrm>
          <a:off x="16431260" y="18164991"/>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63516</xdr:rowOff>
    </xdr:from>
    <xdr:ext cx="469744" cy="259045"/>
    <xdr:sp macro="" textlink="">
      <xdr:nvSpPr>
        <xdr:cNvPr id="752" name="n_1aveValue【庁舎】&#10;一人当たり面積"/>
        <xdr:cNvSpPr txBox="1"/>
      </xdr:nvSpPr>
      <xdr:spPr>
        <a:xfrm>
          <a:off x="18561127" y="17665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753" name="n_2aveValue【庁舎】&#10;一人当たり面積"/>
        <xdr:cNvSpPr txBox="1"/>
      </xdr:nvSpPr>
      <xdr:spPr>
        <a:xfrm>
          <a:off x="177762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9643</xdr:rowOff>
    </xdr:from>
    <xdr:ext cx="469744" cy="259045"/>
    <xdr:sp macro="" textlink="">
      <xdr:nvSpPr>
        <xdr:cNvPr id="754" name="n_3aveValue【庁舎】&#10;一人当たり面積"/>
        <xdr:cNvSpPr txBox="1"/>
      </xdr:nvSpPr>
      <xdr:spPr>
        <a:xfrm>
          <a:off x="170015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89643</xdr:rowOff>
    </xdr:from>
    <xdr:ext cx="469744" cy="259045"/>
    <xdr:sp macro="" textlink="">
      <xdr:nvSpPr>
        <xdr:cNvPr id="755" name="n_4aveValue【庁舎】&#10;一人当たり面積"/>
        <xdr:cNvSpPr txBox="1"/>
      </xdr:nvSpPr>
      <xdr:spPr>
        <a:xfrm>
          <a:off x="162268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05064</xdr:rowOff>
    </xdr:from>
    <xdr:ext cx="469744" cy="259045"/>
    <xdr:sp macro="" textlink="">
      <xdr:nvSpPr>
        <xdr:cNvPr id="756" name="n_1mainValue【庁舎】&#10;一人当たり面積"/>
        <xdr:cNvSpPr txBox="1"/>
      </xdr:nvSpPr>
      <xdr:spPr>
        <a:xfrm>
          <a:off x="18561127" y="1821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05064</xdr:rowOff>
    </xdr:from>
    <xdr:ext cx="469744" cy="259045"/>
    <xdr:sp macro="" textlink="">
      <xdr:nvSpPr>
        <xdr:cNvPr id="757" name="n_2mainValue【庁舎】&#10;一人当たり面積"/>
        <xdr:cNvSpPr txBox="1"/>
      </xdr:nvSpPr>
      <xdr:spPr>
        <a:xfrm>
          <a:off x="17776267" y="1821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01798</xdr:rowOff>
    </xdr:from>
    <xdr:ext cx="469744" cy="259045"/>
    <xdr:sp macro="" textlink="">
      <xdr:nvSpPr>
        <xdr:cNvPr id="758" name="n_3mainValue【庁舎】&#10;一人当たり面積"/>
        <xdr:cNvSpPr txBox="1"/>
      </xdr:nvSpPr>
      <xdr:spPr>
        <a:xfrm>
          <a:off x="17001567" y="18206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01798</xdr:rowOff>
    </xdr:from>
    <xdr:ext cx="469744" cy="259045"/>
    <xdr:sp macro="" textlink="">
      <xdr:nvSpPr>
        <xdr:cNvPr id="759" name="n_4mainValue【庁舎】&#10;一人当たり面積"/>
        <xdr:cNvSpPr txBox="1"/>
      </xdr:nvSpPr>
      <xdr:spPr>
        <a:xfrm>
          <a:off x="16226867" y="18206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60" name="正方形/長方形 759"/>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61" name="正方形/長方形 760"/>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2" name="テキスト ボックス 761"/>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一般廃棄物処理施設」</a:t>
          </a:r>
          <a:r>
            <a:rPr kumimoji="1" lang="ja-JP" altLang="en-US" sz="1100">
              <a:solidFill>
                <a:schemeClr val="dk1"/>
              </a:solidFill>
              <a:effectLst/>
              <a:latin typeface="+mn-lt"/>
              <a:ea typeface="+mn-ea"/>
              <a:cs typeface="+mn-cs"/>
            </a:rPr>
            <a:t>「体育館・プール」</a:t>
          </a:r>
          <a:r>
            <a:rPr kumimoji="1" lang="ja-JP" altLang="ja-JP" sz="1100">
              <a:solidFill>
                <a:schemeClr val="dk1"/>
              </a:solidFill>
              <a:effectLst/>
              <a:latin typeface="+mn-lt"/>
              <a:ea typeface="+mn-ea"/>
              <a:cs typeface="+mn-cs"/>
            </a:rPr>
            <a:t>「保健センター・保健所」「庁舎」「消防施設」については、有形固定資産減価償却率が</a:t>
          </a:r>
          <a:r>
            <a:rPr kumimoji="1" lang="ja-JP" altLang="en-US" sz="1100">
              <a:solidFill>
                <a:schemeClr val="dk1"/>
              </a:solidFill>
              <a:effectLst/>
              <a:latin typeface="+mn-lt"/>
              <a:ea typeface="+mn-ea"/>
              <a:cs typeface="+mn-cs"/>
            </a:rPr>
            <a:t>類似団体内平均値よりも</a:t>
          </a:r>
          <a:r>
            <a:rPr kumimoji="1" lang="ja-JP" altLang="ja-JP" sz="1100">
              <a:solidFill>
                <a:schemeClr val="dk1"/>
              </a:solidFill>
              <a:effectLst/>
              <a:latin typeface="+mn-lt"/>
              <a:ea typeface="+mn-ea"/>
              <a:cs typeface="+mn-cs"/>
            </a:rPr>
            <a:t>高くなっている。これらの施設は、減価償却が進み老朽化が目立っている。「寒川町公共施設等総合管理計画」に基づく「寒川町公共施設再編計画」が策定され、少子高齢・人口減社会に見合った公共施設配置に向けて、学校教育施設の再編や公共施設の更新、統廃合、複合化等により、財政負担の軽減を図ることが示された。消防拠点整備、公民館の移転、役場庁舎の建替検討等の方針も示されたものの、詳細については、今後決定していく</a:t>
          </a:r>
          <a:r>
            <a:rPr kumimoji="1" lang="ja-JP" altLang="en-US" sz="1100">
              <a:solidFill>
                <a:schemeClr val="dk1"/>
              </a:solidFill>
              <a:effectLst/>
              <a:latin typeface="+mn-lt"/>
              <a:ea typeface="+mn-ea"/>
              <a:cs typeface="+mn-cs"/>
            </a:rPr>
            <a:t>とされている事項も多い。</a:t>
          </a:r>
          <a:r>
            <a:rPr kumimoji="1" lang="ja-JP" altLang="ja-JP" sz="1100">
              <a:solidFill>
                <a:schemeClr val="dk1"/>
              </a:solidFill>
              <a:effectLst/>
              <a:latin typeface="+mn-lt"/>
              <a:ea typeface="+mn-ea"/>
              <a:cs typeface="+mn-cs"/>
            </a:rPr>
            <a:t>当面の間は、該当事業の財源となる新たな地方債や債務負担行為が増加せず、実質的な負債として算入されないため、将来負担比率は減少傾向の見込みとなり、有形固定資産減価償却率は増加傾向の見込みとなる。</a:t>
          </a:r>
          <a:endParaRPr lang="ja-JP" altLang="ja-JP" sz="1400">
            <a:effectLst/>
          </a:endParaRPr>
        </a:p>
        <a:p>
          <a:r>
            <a:rPr kumimoji="1" lang="ja-JP" altLang="ja-JP" sz="1100">
              <a:solidFill>
                <a:schemeClr val="dk1"/>
              </a:solidFill>
              <a:effectLst/>
              <a:latin typeface="+mn-lt"/>
              <a:ea typeface="+mn-ea"/>
              <a:cs typeface="+mn-cs"/>
            </a:rPr>
            <a:t>今後、施設再編等が進むにつれ、有形固定資産減価償却率は減少する一方で、町債残高や公債費の増加も見込まれるため、町の財政状況を鑑みつつ、将来負担の急増とならないよう、将来負担と公共施設の最適化のバランスを図り、適正水準の確保に努めていく。</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3
48,001
13.34
20,901,741
18,851,296
1,947,164
10,338,887
6,858,9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200" b="0" i="0" baseline="0">
              <a:solidFill>
                <a:schemeClr val="dk1"/>
              </a:solidFill>
              <a:effectLst/>
              <a:latin typeface="ＭＳ 明朝" panose="02020609040205080304" pitchFamily="17" charset="-128"/>
              <a:ea typeface="ＭＳ 明朝" panose="02020609040205080304" pitchFamily="17" charset="-128"/>
              <a:cs typeface="+mn-cs"/>
            </a:rPr>
            <a:t>　</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令和</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4</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年単年度では</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1.111</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となり、前年度より</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0.104</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の増加となった。これは、令和</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4</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年度の基準財政需要額は前年度から大きな変動がなかったものの、基準財政収入額が町税等の増となった影響によるもので、</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3</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か年平均では</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0.01</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ポイント増となった。</a:t>
          </a:r>
          <a:endParaRPr lang="ja-JP" altLang="ja-JP" sz="1200">
            <a:effectLst/>
            <a:latin typeface="ＭＳ 明朝" panose="02020609040205080304" pitchFamily="17" charset="-128"/>
            <a:ea typeface="ＭＳ 明朝" panose="02020609040205080304" pitchFamily="17" charset="-128"/>
          </a:endParaRPr>
        </a:p>
        <a:p>
          <a:pPr eaLnBrk="1" fontAlgn="auto" latinLnBrk="0" hangingPunct="1"/>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　依然として指数が</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1</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を超える推移となるが、引き続き財政運営にあたり、</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公共施設の更新・改修などに民間資金を活用した</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PPP/PFI</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手法の優先的導入による財政負担の軽減や、移住・定住の促進など行い、健全な財政運営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70555</xdr:rowOff>
    </xdr:from>
    <xdr:to>
      <xdr:col>23</xdr:col>
      <xdr:colOff>133350</xdr:colOff>
      <xdr:row>39</xdr:row>
      <xdr:rowOff>83961</xdr:rowOff>
    </xdr:to>
    <xdr:cxnSp macro="">
      <xdr:nvCxnSpPr>
        <xdr:cNvPr id="69" name="直線コネクタ 68"/>
        <xdr:cNvCxnSpPr/>
      </xdr:nvCxnSpPr>
      <xdr:spPr>
        <a:xfrm flipV="1">
          <a:off x="4114800" y="6757105"/>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7110</xdr:rowOff>
    </xdr:from>
    <xdr:ext cx="762000" cy="259045"/>
    <xdr:sp macro="" textlink="">
      <xdr:nvSpPr>
        <xdr:cNvPr id="70" name="財政力平均値テキスト"/>
        <xdr:cNvSpPr txBox="1"/>
      </xdr:nvSpPr>
      <xdr:spPr>
        <a:xfrm>
          <a:off x="5041900" y="72280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55033</xdr:rowOff>
    </xdr:from>
    <xdr:to>
      <xdr:col>23</xdr:col>
      <xdr:colOff>184150</xdr:colOff>
      <xdr:row>42</xdr:row>
      <xdr:rowOff>156633</xdr:rowOff>
    </xdr:to>
    <xdr:sp macro="" textlink="">
      <xdr:nvSpPr>
        <xdr:cNvPr id="71" name="フローチャート: 判断 70"/>
        <xdr:cNvSpPr/>
      </xdr:nvSpPr>
      <xdr:spPr>
        <a:xfrm>
          <a:off x="49022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43745</xdr:rowOff>
    </xdr:from>
    <xdr:to>
      <xdr:col>19</xdr:col>
      <xdr:colOff>133350</xdr:colOff>
      <xdr:row>39</xdr:row>
      <xdr:rowOff>83961</xdr:rowOff>
    </xdr:to>
    <xdr:cxnSp macro="">
      <xdr:nvCxnSpPr>
        <xdr:cNvPr id="72" name="直線コネクタ 71"/>
        <xdr:cNvCxnSpPr/>
      </xdr:nvCxnSpPr>
      <xdr:spPr>
        <a:xfrm>
          <a:off x="3225800" y="6730295"/>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28222</xdr:rowOff>
    </xdr:from>
    <xdr:to>
      <xdr:col>19</xdr:col>
      <xdr:colOff>184150</xdr:colOff>
      <xdr:row>42</xdr:row>
      <xdr:rowOff>129822</xdr:rowOff>
    </xdr:to>
    <xdr:sp macro="" textlink="">
      <xdr:nvSpPr>
        <xdr:cNvPr id="73" name="フローチャート: 判断 72"/>
        <xdr:cNvSpPr/>
      </xdr:nvSpPr>
      <xdr:spPr>
        <a:xfrm>
          <a:off x="40640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4599</xdr:rowOff>
    </xdr:from>
    <xdr:ext cx="736600" cy="259045"/>
    <xdr:sp macro="" textlink="">
      <xdr:nvSpPr>
        <xdr:cNvPr id="74" name="テキスト ボックス 73"/>
        <xdr:cNvSpPr txBox="1"/>
      </xdr:nvSpPr>
      <xdr:spPr>
        <a:xfrm>
          <a:off x="3733800" y="73154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43745</xdr:rowOff>
    </xdr:from>
    <xdr:to>
      <xdr:col>15</xdr:col>
      <xdr:colOff>82550</xdr:colOff>
      <xdr:row>39</xdr:row>
      <xdr:rowOff>70555</xdr:rowOff>
    </xdr:to>
    <xdr:cxnSp macro="">
      <xdr:nvCxnSpPr>
        <xdr:cNvPr id="75" name="直線コネクタ 74"/>
        <xdr:cNvCxnSpPr/>
      </xdr:nvCxnSpPr>
      <xdr:spPr>
        <a:xfrm flipV="1">
          <a:off x="2336800" y="6730295"/>
          <a:ext cx="8890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817</xdr:rowOff>
    </xdr:from>
    <xdr:to>
      <xdr:col>15</xdr:col>
      <xdr:colOff>133350</xdr:colOff>
      <xdr:row>42</xdr:row>
      <xdr:rowOff>116417</xdr:rowOff>
    </xdr:to>
    <xdr:sp macro="" textlink="">
      <xdr:nvSpPr>
        <xdr:cNvPr id="76" name="フローチャート: 判断 75"/>
        <xdr:cNvSpPr/>
      </xdr:nvSpPr>
      <xdr:spPr>
        <a:xfrm>
          <a:off x="3175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01194</xdr:rowOff>
    </xdr:from>
    <xdr:ext cx="762000" cy="259045"/>
    <xdr:sp macro="" textlink="">
      <xdr:nvSpPr>
        <xdr:cNvPr id="77" name="テキスト ボックス 76"/>
        <xdr:cNvSpPr txBox="1"/>
      </xdr:nvSpPr>
      <xdr:spPr>
        <a:xfrm>
          <a:off x="2844800" y="730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70555</xdr:rowOff>
    </xdr:from>
    <xdr:to>
      <xdr:col>11</xdr:col>
      <xdr:colOff>31750</xdr:colOff>
      <xdr:row>39</xdr:row>
      <xdr:rowOff>83961</xdr:rowOff>
    </xdr:to>
    <xdr:cxnSp macro="">
      <xdr:nvCxnSpPr>
        <xdr:cNvPr id="78" name="直線コネクタ 77"/>
        <xdr:cNvCxnSpPr/>
      </xdr:nvCxnSpPr>
      <xdr:spPr>
        <a:xfrm flipV="1">
          <a:off x="1447800" y="675710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1628</xdr:rowOff>
    </xdr:from>
    <xdr:to>
      <xdr:col>7</xdr:col>
      <xdr:colOff>31750</xdr:colOff>
      <xdr:row>42</xdr:row>
      <xdr:rowOff>143228</xdr:rowOff>
    </xdr:to>
    <xdr:sp macro="" textlink="">
      <xdr:nvSpPr>
        <xdr:cNvPr id="81" name="フローチャート: 判断 80"/>
        <xdr:cNvSpPr/>
      </xdr:nvSpPr>
      <xdr:spPr>
        <a:xfrm>
          <a:off x="1397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8005</xdr:rowOff>
    </xdr:from>
    <xdr:ext cx="762000" cy="259045"/>
    <xdr:sp macro="" textlink="">
      <xdr:nvSpPr>
        <xdr:cNvPr id="82" name="テキスト ボックス 81"/>
        <xdr:cNvSpPr txBox="1"/>
      </xdr:nvSpPr>
      <xdr:spPr>
        <a:xfrm>
          <a:off x="1066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9755</xdr:rowOff>
    </xdr:from>
    <xdr:to>
      <xdr:col>23</xdr:col>
      <xdr:colOff>184150</xdr:colOff>
      <xdr:row>39</xdr:row>
      <xdr:rowOff>121355</xdr:rowOff>
    </xdr:to>
    <xdr:sp macro="" textlink="">
      <xdr:nvSpPr>
        <xdr:cNvPr id="88" name="楕円 87"/>
        <xdr:cNvSpPr/>
      </xdr:nvSpPr>
      <xdr:spPr>
        <a:xfrm>
          <a:off x="49022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36282</xdr:rowOff>
    </xdr:from>
    <xdr:ext cx="762000" cy="259045"/>
    <xdr:sp macro="" textlink="">
      <xdr:nvSpPr>
        <xdr:cNvPr id="89" name="財政力該当値テキスト"/>
        <xdr:cNvSpPr txBox="1"/>
      </xdr:nvSpPr>
      <xdr:spPr>
        <a:xfrm>
          <a:off x="5041900" y="6551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33161</xdr:rowOff>
    </xdr:from>
    <xdr:to>
      <xdr:col>19</xdr:col>
      <xdr:colOff>184150</xdr:colOff>
      <xdr:row>39</xdr:row>
      <xdr:rowOff>134761</xdr:rowOff>
    </xdr:to>
    <xdr:sp macro="" textlink="">
      <xdr:nvSpPr>
        <xdr:cNvPr id="90" name="楕円 89"/>
        <xdr:cNvSpPr/>
      </xdr:nvSpPr>
      <xdr:spPr>
        <a:xfrm>
          <a:off x="4064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44938</xdr:rowOff>
    </xdr:from>
    <xdr:ext cx="736600" cy="259045"/>
    <xdr:sp macro="" textlink="">
      <xdr:nvSpPr>
        <xdr:cNvPr id="91" name="テキスト ボックス 90"/>
        <xdr:cNvSpPr txBox="1"/>
      </xdr:nvSpPr>
      <xdr:spPr>
        <a:xfrm>
          <a:off x="3733800" y="64885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64395</xdr:rowOff>
    </xdr:from>
    <xdr:to>
      <xdr:col>15</xdr:col>
      <xdr:colOff>133350</xdr:colOff>
      <xdr:row>39</xdr:row>
      <xdr:rowOff>94545</xdr:rowOff>
    </xdr:to>
    <xdr:sp macro="" textlink="">
      <xdr:nvSpPr>
        <xdr:cNvPr id="92" name="楕円 91"/>
        <xdr:cNvSpPr/>
      </xdr:nvSpPr>
      <xdr:spPr>
        <a:xfrm>
          <a:off x="3175000" y="667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04722</xdr:rowOff>
    </xdr:from>
    <xdr:ext cx="762000" cy="259045"/>
    <xdr:sp macro="" textlink="">
      <xdr:nvSpPr>
        <xdr:cNvPr id="93" name="テキスト ボックス 92"/>
        <xdr:cNvSpPr txBox="1"/>
      </xdr:nvSpPr>
      <xdr:spPr>
        <a:xfrm>
          <a:off x="2844800" y="6448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9755</xdr:rowOff>
    </xdr:from>
    <xdr:to>
      <xdr:col>11</xdr:col>
      <xdr:colOff>82550</xdr:colOff>
      <xdr:row>39</xdr:row>
      <xdr:rowOff>121355</xdr:rowOff>
    </xdr:to>
    <xdr:sp macro="" textlink="">
      <xdr:nvSpPr>
        <xdr:cNvPr id="94" name="楕円 93"/>
        <xdr:cNvSpPr/>
      </xdr:nvSpPr>
      <xdr:spPr>
        <a:xfrm>
          <a:off x="2286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31532</xdr:rowOff>
    </xdr:from>
    <xdr:ext cx="762000" cy="259045"/>
    <xdr:sp macro="" textlink="">
      <xdr:nvSpPr>
        <xdr:cNvPr id="95" name="テキスト ボックス 94"/>
        <xdr:cNvSpPr txBox="1"/>
      </xdr:nvSpPr>
      <xdr:spPr>
        <a:xfrm>
          <a:off x="1955800" y="6475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33161</xdr:rowOff>
    </xdr:from>
    <xdr:to>
      <xdr:col>7</xdr:col>
      <xdr:colOff>31750</xdr:colOff>
      <xdr:row>39</xdr:row>
      <xdr:rowOff>134761</xdr:rowOff>
    </xdr:to>
    <xdr:sp macro="" textlink="">
      <xdr:nvSpPr>
        <xdr:cNvPr id="96" name="楕円 95"/>
        <xdr:cNvSpPr/>
      </xdr:nvSpPr>
      <xdr:spPr>
        <a:xfrm>
          <a:off x="1397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44938</xdr:rowOff>
    </xdr:from>
    <xdr:ext cx="762000" cy="259045"/>
    <xdr:sp macro="" textlink="">
      <xdr:nvSpPr>
        <xdr:cNvPr id="97" name="テキスト ボックス 96"/>
        <xdr:cNvSpPr txBox="1"/>
      </xdr:nvSpPr>
      <xdr:spPr>
        <a:xfrm>
          <a:off x="1066800" y="648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経常収支比率は、前年度から改善が見られたものの、過去</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5</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全ての年度において、類似団体平均値を上回っており、依然として財政構造の硬直化が続いている状況である。</a:t>
          </a:r>
          <a:endParaRPr lang="ja-JP" altLang="ja-JP" sz="1200">
            <a:effectLst/>
            <a:latin typeface="ＭＳ 明朝" panose="02020609040205080304" pitchFamily="17" charset="-128"/>
            <a:ea typeface="ＭＳ 明朝" panose="02020609040205080304" pitchFamily="17" charset="-128"/>
          </a:endParaRPr>
        </a:p>
        <a:p>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　令和</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4</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年度は前年度と比べて</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0.2</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の減となり、近年のなかでは最も低い比率となっている。</a:t>
          </a:r>
          <a:r>
            <a:rPr kumimoji="1" lang="ja-JP" altLang="ja-JP" sz="1200" b="0" i="0" baseline="0">
              <a:solidFill>
                <a:schemeClr val="dk1"/>
              </a:solidFill>
              <a:effectLst/>
              <a:latin typeface="ＭＳ 明朝" panose="02020609040205080304" pitchFamily="17" charset="-128"/>
              <a:ea typeface="ＭＳ 明朝" panose="02020609040205080304" pitchFamily="17" charset="-128"/>
              <a:cs typeface="+mn-cs"/>
            </a:rPr>
            <a:t>当町では</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今後も経常経費の節減や、さらなる歳入の確保など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44704</xdr:rowOff>
    </xdr:from>
    <xdr:to>
      <xdr:col>23</xdr:col>
      <xdr:colOff>133350</xdr:colOff>
      <xdr:row>67</xdr:row>
      <xdr:rowOff>70358</xdr:rowOff>
    </xdr:to>
    <xdr:cxnSp macro="">
      <xdr:nvCxnSpPr>
        <xdr:cNvPr id="125" name="直線コネクタ 124"/>
        <xdr:cNvCxnSpPr/>
      </xdr:nvCxnSpPr>
      <xdr:spPr>
        <a:xfrm flipV="1">
          <a:off x="4953000" y="10331704"/>
          <a:ext cx="0" cy="12258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2435</xdr:rowOff>
    </xdr:from>
    <xdr:ext cx="762000" cy="259045"/>
    <xdr:sp macro="" textlink="">
      <xdr:nvSpPr>
        <xdr:cNvPr id="126" name="財政構造の弾力性最小値テキスト"/>
        <xdr:cNvSpPr txBox="1"/>
      </xdr:nvSpPr>
      <xdr:spPr>
        <a:xfrm>
          <a:off x="5041900" y="11529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0358</xdr:rowOff>
    </xdr:from>
    <xdr:to>
      <xdr:col>24</xdr:col>
      <xdr:colOff>12700</xdr:colOff>
      <xdr:row>67</xdr:row>
      <xdr:rowOff>70358</xdr:rowOff>
    </xdr:to>
    <xdr:cxnSp macro="">
      <xdr:nvCxnSpPr>
        <xdr:cNvPr id="127" name="直線コネクタ 126"/>
        <xdr:cNvCxnSpPr/>
      </xdr:nvCxnSpPr>
      <xdr:spPr>
        <a:xfrm>
          <a:off x="4864100" y="11557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131081</xdr:rowOff>
    </xdr:from>
    <xdr:ext cx="762000" cy="259045"/>
    <xdr:sp macro="" textlink="">
      <xdr:nvSpPr>
        <xdr:cNvPr id="128" name="財政構造の弾力性最大値テキスト"/>
        <xdr:cNvSpPr txBox="1"/>
      </xdr:nvSpPr>
      <xdr:spPr>
        <a:xfrm>
          <a:off x="5041900" y="10075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44704</xdr:rowOff>
    </xdr:from>
    <xdr:to>
      <xdr:col>24</xdr:col>
      <xdr:colOff>12700</xdr:colOff>
      <xdr:row>60</xdr:row>
      <xdr:rowOff>44704</xdr:rowOff>
    </xdr:to>
    <xdr:cxnSp macro="">
      <xdr:nvCxnSpPr>
        <xdr:cNvPr id="129" name="直線コネクタ 128"/>
        <xdr:cNvCxnSpPr/>
      </xdr:nvCxnSpPr>
      <xdr:spPr>
        <a:xfrm>
          <a:off x="4864100" y="10331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02108</xdr:rowOff>
    </xdr:from>
    <xdr:to>
      <xdr:col>23</xdr:col>
      <xdr:colOff>133350</xdr:colOff>
      <xdr:row>64</xdr:row>
      <xdr:rowOff>111760</xdr:rowOff>
    </xdr:to>
    <xdr:cxnSp macro="">
      <xdr:nvCxnSpPr>
        <xdr:cNvPr id="130" name="直線コネクタ 129"/>
        <xdr:cNvCxnSpPr/>
      </xdr:nvCxnSpPr>
      <xdr:spPr>
        <a:xfrm flipV="1">
          <a:off x="4114800" y="11074908"/>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66895</xdr:rowOff>
    </xdr:from>
    <xdr:ext cx="762000" cy="259045"/>
    <xdr:sp macro="" textlink="">
      <xdr:nvSpPr>
        <xdr:cNvPr id="131" name="財政構造の弾力性平均値テキスト"/>
        <xdr:cNvSpPr txBox="1"/>
      </xdr:nvSpPr>
      <xdr:spPr>
        <a:xfrm>
          <a:off x="5041900" y="107967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0368</xdr:rowOff>
    </xdr:from>
    <xdr:to>
      <xdr:col>23</xdr:col>
      <xdr:colOff>184150</xdr:colOff>
      <xdr:row>64</xdr:row>
      <xdr:rowOff>80518</xdr:rowOff>
    </xdr:to>
    <xdr:sp macro="" textlink="">
      <xdr:nvSpPr>
        <xdr:cNvPr id="132" name="フローチャート: 判断 131"/>
        <xdr:cNvSpPr/>
      </xdr:nvSpPr>
      <xdr:spPr>
        <a:xfrm>
          <a:off x="4902200" y="1095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11760</xdr:rowOff>
    </xdr:from>
    <xdr:to>
      <xdr:col>19</xdr:col>
      <xdr:colOff>133350</xdr:colOff>
      <xdr:row>65</xdr:row>
      <xdr:rowOff>89916</xdr:rowOff>
    </xdr:to>
    <xdr:cxnSp macro="">
      <xdr:nvCxnSpPr>
        <xdr:cNvPr id="133" name="直線コネクタ 132"/>
        <xdr:cNvCxnSpPr/>
      </xdr:nvCxnSpPr>
      <xdr:spPr>
        <a:xfrm flipV="1">
          <a:off x="3225800" y="11084560"/>
          <a:ext cx="889000" cy="149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8778</xdr:rowOff>
    </xdr:from>
    <xdr:to>
      <xdr:col>19</xdr:col>
      <xdr:colOff>184150</xdr:colOff>
      <xdr:row>63</xdr:row>
      <xdr:rowOff>58928</xdr:rowOff>
    </xdr:to>
    <xdr:sp macro="" textlink="">
      <xdr:nvSpPr>
        <xdr:cNvPr id="134" name="フローチャート: 判断 133"/>
        <xdr:cNvSpPr/>
      </xdr:nvSpPr>
      <xdr:spPr>
        <a:xfrm>
          <a:off x="4064000" y="1075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9105</xdr:rowOff>
    </xdr:from>
    <xdr:ext cx="736600" cy="259045"/>
    <xdr:sp macro="" textlink="">
      <xdr:nvSpPr>
        <xdr:cNvPr id="135" name="テキスト ボックス 134"/>
        <xdr:cNvSpPr txBox="1"/>
      </xdr:nvSpPr>
      <xdr:spPr>
        <a:xfrm>
          <a:off x="3733800" y="105275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89916</xdr:rowOff>
    </xdr:from>
    <xdr:to>
      <xdr:col>15</xdr:col>
      <xdr:colOff>82550</xdr:colOff>
      <xdr:row>65</xdr:row>
      <xdr:rowOff>118872</xdr:rowOff>
    </xdr:to>
    <xdr:cxnSp macro="">
      <xdr:nvCxnSpPr>
        <xdr:cNvPr id="136" name="直線コネクタ 135"/>
        <xdr:cNvCxnSpPr/>
      </xdr:nvCxnSpPr>
      <xdr:spPr>
        <a:xfrm flipV="1">
          <a:off x="2336800" y="11234166"/>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41656</xdr:rowOff>
    </xdr:from>
    <xdr:to>
      <xdr:col>15</xdr:col>
      <xdr:colOff>133350</xdr:colOff>
      <xdr:row>64</xdr:row>
      <xdr:rowOff>143256</xdr:rowOff>
    </xdr:to>
    <xdr:sp macro="" textlink="">
      <xdr:nvSpPr>
        <xdr:cNvPr id="137" name="フローチャート: 判断 136"/>
        <xdr:cNvSpPr/>
      </xdr:nvSpPr>
      <xdr:spPr>
        <a:xfrm>
          <a:off x="3175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3433</xdr:rowOff>
    </xdr:from>
    <xdr:ext cx="762000" cy="259045"/>
    <xdr:sp macro="" textlink="">
      <xdr:nvSpPr>
        <xdr:cNvPr id="138" name="テキスト ボックス 137"/>
        <xdr:cNvSpPr txBox="1"/>
      </xdr:nvSpPr>
      <xdr:spPr>
        <a:xfrm>
          <a:off x="2844800" y="10783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18872</xdr:rowOff>
    </xdr:from>
    <xdr:to>
      <xdr:col>11</xdr:col>
      <xdr:colOff>31750</xdr:colOff>
      <xdr:row>65</xdr:row>
      <xdr:rowOff>133350</xdr:rowOff>
    </xdr:to>
    <xdr:cxnSp macro="">
      <xdr:nvCxnSpPr>
        <xdr:cNvPr id="139" name="直線コネクタ 138"/>
        <xdr:cNvCxnSpPr/>
      </xdr:nvCxnSpPr>
      <xdr:spPr>
        <a:xfrm flipV="1">
          <a:off x="1447800" y="11263122"/>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0" name="フローチャート: 判断 139"/>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1" name="テキスト ボックス 140"/>
        <xdr:cNvSpPr txBox="1"/>
      </xdr:nvSpPr>
      <xdr:spPr>
        <a:xfrm>
          <a:off x="1955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5786</xdr:rowOff>
    </xdr:from>
    <xdr:to>
      <xdr:col>7</xdr:col>
      <xdr:colOff>31750</xdr:colOff>
      <xdr:row>64</xdr:row>
      <xdr:rowOff>167386</xdr:rowOff>
    </xdr:to>
    <xdr:sp macro="" textlink="">
      <xdr:nvSpPr>
        <xdr:cNvPr id="142" name="フローチャート: 判断 141"/>
        <xdr:cNvSpPr/>
      </xdr:nvSpPr>
      <xdr:spPr>
        <a:xfrm>
          <a:off x="1397000" y="110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113</xdr:rowOff>
    </xdr:from>
    <xdr:ext cx="762000" cy="259045"/>
    <xdr:sp macro="" textlink="">
      <xdr:nvSpPr>
        <xdr:cNvPr id="143" name="テキスト ボックス 142"/>
        <xdr:cNvSpPr txBox="1"/>
      </xdr:nvSpPr>
      <xdr:spPr>
        <a:xfrm>
          <a:off x="1066800" y="10807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51308</xdr:rowOff>
    </xdr:from>
    <xdr:to>
      <xdr:col>23</xdr:col>
      <xdr:colOff>184150</xdr:colOff>
      <xdr:row>64</xdr:row>
      <xdr:rowOff>152908</xdr:rowOff>
    </xdr:to>
    <xdr:sp macro="" textlink="">
      <xdr:nvSpPr>
        <xdr:cNvPr id="149" name="楕円 148"/>
        <xdr:cNvSpPr/>
      </xdr:nvSpPr>
      <xdr:spPr>
        <a:xfrm>
          <a:off x="4902200" y="11024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23385</xdr:rowOff>
    </xdr:from>
    <xdr:ext cx="762000" cy="259045"/>
    <xdr:sp macro="" textlink="">
      <xdr:nvSpPr>
        <xdr:cNvPr id="150" name="財政構造の弾力性該当値テキスト"/>
        <xdr:cNvSpPr txBox="1"/>
      </xdr:nvSpPr>
      <xdr:spPr>
        <a:xfrm>
          <a:off x="5041900" y="10996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60960</xdr:rowOff>
    </xdr:from>
    <xdr:to>
      <xdr:col>19</xdr:col>
      <xdr:colOff>184150</xdr:colOff>
      <xdr:row>64</xdr:row>
      <xdr:rowOff>162560</xdr:rowOff>
    </xdr:to>
    <xdr:sp macro="" textlink="">
      <xdr:nvSpPr>
        <xdr:cNvPr id="151" name="楕円 150"/>
        <xdr:cNvSpPr/>
      </xdr:nvSpPr>
      <xdr:spPr>
        <a:xfrm>
          <a:off x="4064000" y="1103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47337</xdr:rowOff>
    </xdr:from>
    <xdr:ext cx="736600" cy="259045"/>
    <xdr:sp macro="" textlink="">
      <xdr:nvSpPr>
        <xdr:cNvPr id="152" name="テキスト ボックス 151"/>
        <xdr:cNvSpPr txBox="1"/>
      </xdr:nvSpPr>
      <xdr:spPr>
        <a:xfrm>
          <a:off x="3733800" y="11120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39116</xdr:rowOff>
    </xdr:from>
    <xdr:to>
      <xdr:col>15</xdr:col>
      <xdr:colOff>133350</xdr:colOff>
      <xdr:row>65</xdr:row>
      <xdr:rowOff>140716</xdr:rowOff>
    </xdr:to>
    <xdr:sp macro="" textlink="">
      <xdr:nvSpPr>
        <xdr:cNvPr id="153" name="楕円 152"/>
        <xdr:cNvSpPr/>
      </xdr:nvSpPr>
      <xdr:spPr>
        <a:xfrm>
          <a:off x="3175000" y="1118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25493</xdr:rowOff>
    </xdr:from>
    <xdr:ext cx="762000" cy="259045"/>
    <xdr:sp macro="" textlink="">
      <xdr:nvSpPr>
        <xdr:cNvPr id="154" name="テキスト ボックス 153"/>
        <xdr:cNvSpPr txBox="1"/>
      </xdr:nvSpPr>
      <xdr:spPr>
        <a:xfrm>
          <a:off x="2844800" y="11269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68072</xdr:rowOff>
    </xdr:from>
    <xdr:to>
      <xdr:col>11</xdr:col>
      <xdr:colOff>82550</xdr:colOff>
      <xdr:row>65</xdr:row>
      <xdr:rowOff>169672</xdr:rowOff>
    </xdr:to>
    <xdr:sp macro="" textlink="">
      <xdr:nvSpPr>
        <xdr:cNvPr id="155" name="楕円 154"/>
        <xdr:cNvSpPr/>
      </xdr:nvSpPr>
      <xdr:spPr>
        <a:xfrm>
          <a:off x="2286000" y="11212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54449</xdr:rowOff>
    </xdr:from>
    <xdr:ext cx="762000" cy="259045"/>
    <xdr:sp macro="" textlink="">
      <xdr:nvSpPr>
        <xdr:cNvPr id="156" name="テキスト ボックス 155"/>
        <xdr:cNvSpPr txBox="1"/>
      </xdr:nvSpPr>
      <xdr:spPr>
        <a:xfrm>
          <a:off x="1955800" y="11298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82550</xdr:rowOff>
    </xdr:from>
    <xdr:to>
      <xdr:col>7</xdr:col>
      <xdr:colOff>31750</xdr:colOff>
      <xdr:row>66</xdr:row>
      <xdr:rowOff>12700</xdr:rowOff>
    </xdr:to>
    <xdr:sp macro="" textlink="">
      <xdr:nvSpPr>
        <xdr:cNvPr id="157" name="楕円 156"/>
        <xdr:cNvSpPr/>
      </xdr:nvSpPr>
      <xdr:spPr>
        <a:xfrm>
          <a:off x="1397000" y="1122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68927</xdr:rowOff>
    </xdr:from>
    <xdr:ext cx="762000" cy="259045"/>
    <xdr:sp macro="" textlink="">
      <xdr:nvSpPr>
        <xdr:cNvPr id="158" name="テキスト ボックス 157"/>
        <xdr:cNvSpPr txBox="1"/>
      </xdr:nvSpPr>
      <xdr:spPr>
        <a:xfrm>
          <a:off x="1066800" y="1131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9,8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人口</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人当たりの人件費・物件費等は、前年度から</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847</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円減の</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29,812</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円で、類似団体平均値とおおむね同水準で推移してい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4</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については、高齢者物価高騰対策給付事業等に係る物件費の増があったものの、消防広域化に伴う人件費の減や公共施設の維持補修に係る修繕料や維持補修費の減による影響から減少に転じた。</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今後は公共施設の老朽化に伴う維持補修費の増加も見込まれることから、</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PPP/PFI</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手法の優先的導入による、さらなる事務の効率化や人員配置の適正化など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5" name="直線コネクタ 174"/>
        <xdr:cNvCxnSpPr/>
      </xdr:nvCxnSpPr>
      <xdr:spPr>
        <a:xfrm>
          <a:off x="762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76" name="テキスト ボックス 175"/>
        <xdr:cNvSpPr txBox="1"/>
      </xdr:nvSpPr>
      <xdr:spPr>
        <a:xfrm>
          <a:off x="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79" name="直線コネクタ 178"/>
        <xdr:cNvCxnSpPr/>
      </xdr:nvCxnSpPr>
      <xdr:spPr>
        <a:xfrm>
          <a:off x="762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0" name="テキスト ボックス 179"/>
        <xdr:cNvSpPr txBox="1"/>
      </xdr:nvSpPr>
      <xdr:spPr>
        <a:xfrm>
          <a:off x="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1" name="直線コネクタ 180"/>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2" name="テキスト ボックス 181"/>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3"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67982</xdr:rowOff>
    </xdr:from>
    <xdr:to>
      <xdr:col>23</xdr:col>
      <xdr:colOff>133350</xdr:colOff>
      <xdr:row>89</xdr:row>
      <xdr:rowOff>68348</xdr:rowOff>
    </xdr:to>
    <xdr:cxnSp macro="">
      <xdr:nvCxnSpPr>
        <xdr:cNvPr id="184" name="直線コネクタ 183"/>
        <xdr:cNvCxnSpPr/>
      </xdr:nvCxnSpPr>
      <xdr:spPr>
        <a:xfrm flipV="1">
          <a:off x="4953000" y="13955432"/>
          <a:ext cx="0" cy="13719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0425</xdr:rowOff>
    </xdr:from>
    <xdr:ext cx="762000" cy="259045"/>
    <xdr:sp macro="" textlink="">
      <xdr:nvSpPr>
        <xdr:cNvPr id="185" name="人件費・物件費等の状況最小値テキスト"/>
        <xdr:cNvSpPr txBox="1"/>
      </xdr:nvSpPr>
      <xdr:spPr>
        <a:xfrm>
          <a:off x="5041900" y="15299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68348</xdr:rowOff>
    </xdr:from>
    <xdr:to>
      <xdr:col>24</xdr:col>
      <xdr:colOff>12700</xdr:colOff>
      <xdr:row>89</xdr:row>
      <xdr:rowOff>68348</xdr:rowOff>
    </xdr:to>
    <xdr:cxnSp macro="">
      <xdr:nvCxnSpPr>
        <xdr:cNvPr id="186" name="直線コネクタ 185"/>
        <xdr:cNvCxnSpPr/>
      </xdr:nvCxnSpPr>
      <xdr:spPr>
        <a:xfrm>
          <a:off x="4864100" y="15327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54359</xdr:rowOff>
    </xdr:from>
    <xdr:ext cx="762000" cy="259045"/>
    <xdr:sp macro="" textlink="">
      <xdr:nvSpPr>
        <xdr:cNvPr id="187" name="人件費・物件費等の状況最大値テキスト"/>
        <xdr:cNvSpPr txBox="1"/>
      </xdr:nvSpPr>
      <xdr:spPr>
        <a:xfrm>
          <a:off x="5041900" y="13698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67982</xdr:rowOff>
    </xdr:from>
    <xdr:to>
      <xdr:col>24</xdr:col>
      <xdr:colOff>12700</xdr:colOff>
      <xdr:row>81</xdr:row>
      <xdr:rowOff>67982</xdr:rowOff>
    </xdr:to>
    <xdr:cxnSp macro="">
      <xdr:nvCxnSpPr>
        <xdr:cNvPr id="188" name="直線コネクタ 187"/>
        <xdr:cNvCxnSpPr/>
      </xdr:nvCxnSpPr>
      <xdr:spPr>
        <a:xfrm>
          <a:off x="4864100" y="13955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22690</xdr:rowOff>
    </xdr:from>
    <xdr:to>
      <xdr:col>23</xdr:col>
      <xdr:colOff>133350</xdr:colOff>
      <xdr:row>82</xdr:row>
      <xdr:rowOff>139866</xdr:rowOff>
    </xdr:to>
    <xdr:cxnSp macro="">
      <xdr:nvCxnSpPr>
        <xdr:cNvPr id="189" name="直線コネクタ 188"/>
        <xdr:cNvCxnSpPr/>
      </xdr:nvCxnSpPr>
      <xdr:spPr>
        <a:xfrm flipV="1">
          <a:off x="4114800" y="14181590"/>
          <a:ext cx="838200" cy="17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08425</xdr:rowOff>
    </xdr:from>
    <xdr:ext cx="762000" cy="259045"/>
    <xdr:sp macro="" textlink="">
      <xdr:nvSpPr>
        <xdr:cNvPr id="190" name="人件費・物件費等の状況平均値テキスト"/>
        <xdr:cNvSpPr txBox="1"/>
      </xdr:nvSpPr>
      <xdr:spPr>
        <a:xfrm>
          <a:off x="5041900" y="141673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36348</xdr:rowOff>
    </xdr:from>
    <xdr:to>
      <xdr:col>23</xdr:col>
      <xdr:colOff>184150</xdr:colOff>
      <xdr:row>83</xdr:row>
      <xdr:rowOff>66498</xdr:rowOff>
    </xdr:to>
    <xdr:sp macro="" textlink="">
      <xdr:nvSpPr>
        <xdr:cNvPr id="191" name="フローチャート: 判断 190"/>
        <xdr:cNvSpPr/>
      </xdr:nvSpPr>
      <xdr:spPr>
        <a:xfrm>
          <a:off x="4902200" y="14195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14601</xdr:rowOff>
    </xdr:from>
    <xdr:to>
      <xdr:col>19</xdr:col>
      <xdr:colOff>133350</xdr:colOff>
      <xdr:row>82</xdr:row>
      <xdr:rowOff>139866</xdr:rowOff>
    </xdr:to>
    <xdr:cxnSp macro="">
      <xdr:nvCxnSpPr>
        <xdr:cNvPr id="192" name="直線コネクタ 191"/>
        <xdr:cNvCxnSpPr/>
      </xdr:nvCxnSpPr>
      <xdr:spPr>
        <a:xfrm>
          <a:off x="3225800" y="14173501"/>
          <a:ext cx="889000" cy="25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03290</xdr:rowOff>
    </xdr:from>
    <xdr:to>
      <xdr:col>19</xdr:col>
      <xdr:colOff>184150</xdr:colOff>
      <xdr:row>83</xdr:row>
      <xdr:rowOff>33440</xdr:rowOff>
    </xdr:to>
    <xdr:sp macro="" textlink="">
      <xdr:nvSpPr>
        <xdr:cNvPr id="193" name="フローチャート: 判断 192"/>
        <xdr:cNvSpPr/>
      </xdr:nvSpPr>
      <xdr:spPr>
        <a:xfrm>
          <a:off x="4064000" y="14162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8217</xdr:rowOff>
    </xdr:from>
    <xdr:ext cx="736600" cy="259045"/>
    <xdr:sp macro="" textlink="">
      <xdr:nvSpPr>
        <xdr:cNvPr id="194" name="テキスト ボックス 193"/>
        <xdr:cNvSpPr txBox="1"/>
      </xdr:nvSpPr>
      <xdr:spPr>
        <a:xfrm>
          <a:off x="3733800" y="14248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65956</xdr:rowOff>
    </xdr:from>
    <xdr:to>
      <xdr:col>15</xdr:col>
      <xdr:colOff>82550</xdr:colOff>
      <xdr:row>82</xdr:row>
      <xdr:rowOff>114601</xdr:rowOff>
    </xdr:to>
    <xdr:cxnSp macro="">
      <xdr:nvCxnSpPr>
        <xdr:cNvPr id="195" name="直線コネクタ 194"/>
        <xdr:cNvCxnSpPr/>
      </xdr:nvCxnSpPr>
      <xdr:spPr>
        <a:xfrm>
          <a:off x="2336800" y="14124856"/>
          <a:ext cx="889000" cy="48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393</xdr:rowOff>
    </xdr:from>
    <xdr:to>
      <xdr:col>15</xdr:col>
      <xdr:colOff>133350</xdr:colOff>
      <xdr:row>82</xdr:row>
      <xdr:rowOff>161993</xdr:rowOff>
    </xdr:to>
    <xdr:sp macro="" textlink="">
      <xdr:nvSpPr>
        <xdr:cNvPr id="196" name="フローチャート: 判断 195"/>
        <xdr:cNvSpPr/>
      </xdr:nvSpPr>
      <xdr:spPr>
        <a:xfrm>
          <a:off x="3175000" y="14119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720</xdr:rowOff>
    </xdr:from>
    <xdr:ext cx="762000" cy="259045"/>
    <xdr:sp macro="" textlink="">
      <xdr:nvSpPr>
        <xdr:cNvPr id="197" name="テキスト ボックス 196"/>
        <xdr:cNvSpPr txBox="1"/>
      </xdr:nvSpPr>
      <xdr:spPr>
        <a:xfrm>
          <a:off x="2844800" y="13888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34635</xdr:rowOff>
    </xdr:from>
    <xdr:to>
      <xdr:col>11</xdr:col>
      <xdr:colOff>31750</xdr:colOff>
      <xdr:row>82</xdr:row>
      <xdr:rowOff>65956</xdr:rowOff>
    </xdr:to>
    <xdr:cxnSp macro="">
      <xdr:nvCxnSpPr>
        <xdr:cNvPr id="198" name="直線コネクタ 197"/>
        <xdr:cNvCxnSpPr/>
      </xdr:nvCxnSpPr>
      <xdr:spPr>
        <a:xfrm>
          <a:off x="1447800" y="14093535"/>
          <a:ext cx="889000" cy="31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91</xdr:rowOff>
    </xdr:from>
    <xdr:to>
      <xdr:col>11</xdr:col>
      <xdr:colOff>82550</xdr:colOff>
      <xdr:row>82</xdr:row>
      <xdr:rowOff>101691</xdr:rowOff>
    </xdr:to>
    <xdr:sp macro="" textlink="">
      <xdr:nvSpPr>
        <xdr:cNvPr id="199" name="フローチャート: 判断 198"/>
        <xdr:cNvSpPr/>
      </xdr:nvSpPr>
      <xdr:spPr>
        <a:xfrm>
          <a:off x="2286000" y="14058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1868</xdr:rowOff>
    </xdr:from>
    <xdr:ext cx="762000" cy="259045"/>
    <xdr:sp macro="" textlink="">
      <xdr:nvSpPr>
        <xdr:cNvPr id="200" name="テキスト ボックス 199"/>
        <xdr:cNvSpPr txBox="1"/>
      </xdr:nvSpPr>
      <xdr:spPr>
        <a:xfrm>
          <a:off x="1955800" y="13827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340</xdr:rowOff>
    </xdr:from>
    <xdr:to>
      <xdr:col>7</xdr:col>
      <xdr:colOff>31750</xdr:colOff>
      <xdr:row>82</xdr:row>
      <xdr:rowOff>101940</xdr:rowOff>
    </xdr:to>
    <xdr:sp macro="" textlink="">
      <xdr:nvSpPr>
        <xdr:cNvPr id="201" name="フローチャート: 判断 200"/>
        <xdr:cNvSpPr/>
      </xdr:nvSpPr>
      <xdr:spPr>
        <a:xfrm>
          <a:off x="1397000" y="14059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86717</xdr:rowOff>
    </xdr:from>
    <xdr:ext cx="762000" cy="259045"/>
    <xdr:sp macro="" textlink="">
      <xdr:nvSpPr>
        <xdr:cNvPr id="202" name="テキスト ボックス 201"/>
        <xdr:cNvSpPr txBox="1"/>
      </xdr:nvSpPr>
      <xdr:spPr>
        <a:xfrm>
          <a:off x="1066800" y="14145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3" name="テキスト ボックス 202"/>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4" name="テキスト ボックス 203"/>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5" name="テキスト ボックス 204"/>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6" name="テキスト ボックス 205"/>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7" name="テキスト ボックス 206"/>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71890</xdr:rowOff>
    </xdr:from>
    <xdr:to>
      <xdr:col>23</xdr:col>
      <xdr:colOff>184150</xdr:colOff>
      <xdr:row>83</xdr:row>
      <xdr:rowOff>2040</xdr:rowOff>
    </xdr:to>
    <xdr:sp macro="" textlink="">
      <xdr:nvSpPr>
        <xdr:cNvPr id="208" name="楕円 207"/>
        <xdr:cNvSpPr/>
      </xdr:nvSpPr>
      <xdr:spPr>
        <a:xfrm>
          <a:off x="4902200" y="14130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88417</xdr:rowOff>
    </xdr:from>
    <xdr:ext cx="762000" cy="259045"/>
    <xdr:sp macro="" textlink="">
      <xdr:nvSpPr>
        <xdr:cNvPr id="209" name="人件費・物件費等の状況該当値テキスト"/>
        <xdr:cNvSpPr txBox="1"/>
      </xdr:nvSpPr>
      <xdr:spPr>
        <a:xfrm>
          <a:off x="5041900" y="13975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89066</xdr:rowOff>
    </xdr:from>
    <xdr:to>
      <xdr:col>19</xdr:col>
      <xdr:colOff>184150</xdr:colOff>
      <xdr:row>83</xdr:row>
      <xdr:rowOff>19216</xdr:rowOff>
    </xdr:to>
    <xdr:sp macro="" textlink="">
      <xdr:nvSpPr>
        <xdr:cNvPr id="210" name="楕円 209"/>
        <xdr:cNvSpPr/>
      </xdr:nvSpPr>
      <xdr:spPr>
        <a:xfrm>
          <a:off x="4064000" y="14147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29393</xdr:rowOff>
    </xdr:from>
    <xdr:ext cx="736600" cy="259045"/>
    <xdr:sp macro="" textlink="">
      <xdr:nvSpPr>
        <xdr:cNvPr id="211" name="テキスト ボックス 210"/>
        <xdr:cNvSpPr txBox="1"/>
      </xdr:nvSpPr>
      <xdr:spPr>
        <a:xfrm>
          <a:off x="3733800" y="139168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63801</xdr:rowOff>
    </xdr:from>
    <xdr:to>
      <xdr:col>15</xdr:col>
      <xdr:colOff>133350</xdr:colOff>
      <xdr:row>82</xdr:row>
      <xdr:rowOff>165401</xdr:rowOff>
    </xdr:to>
    <xdr:sp macro="" textlink="">
      <xdr:nvSpPr>
        <xdr:cNvPr id="212" name="楕円 211"/>
        <xdr:cNvSpPr/>
      </xdr:nvSpPr>
      <xdr:spPr>
        <a:xfrm>
          <a:off x="3175000" y="14122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0178</xdr:rowOff>
    </xdr:from>
    <xdr:ext cx="762000" cy="259045"/>
    <xdr:sp macro="" textlink="">
      <xdr:nvSpPr>
        <xdr:cNvPr id="213" name="テキスト ボックス 212"/>
        <xdr:cNvSpPr txBox="1"/>
      </xdr:nvSpPr>
      <xdr:spPr>
        <a:xfrm>
          <a:off x="2844800" y="1420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5156</xdr:rowOff>
    </xdr:from>
    <xdr:to>
      <xdr:col>11</xdr:col>
      <xdr:colOff>82550</xdr:colOff>
      <xdr:row>82</xdr:row>
      <xdr:rowOff>116756</xdr:rowOff>
    </xdr:to>
    <xdr:sp macro="" textlink="">
      <xdr:nvSpPr>
        <xdr:cNvPr id="214" name="楕円 213"/>
        <xdr:cNvSpPr/>
      </xdr:nvSpPr>
      <xdr:spPr>
        <a:xfrm>
          <a:off x="2286000" y="14074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01533</xdr:rowOff>
    </xdr:from>
    <xdr:ext cx="762000" cy="259045"/>
    <xdr:sp macro="" textlink="">
      <xdr:nvSpPr>
        <xdr:cNvPr id="215" name="テキスト ボックス 214"/>
        <xdr:cNvSpPr txBox="1"/>
      </xdr:nvSpPr>
      <xdr:spPr>
        <a:xfrm>
          <a:off x="1955800" y="1416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55285</xdr:rowOff>
    </xdr:from>
    <xdr:to>
      <xdr:col>7</xdr:col>
      <xdr:colOff>31750</xdr:colOff>
      <xdr:row>82</xdr:row>
      <xdr:rowOff>85435</xdr:rowOff>
    </xdr:to>
    <xdr:sp macro="" textlink="">
      <xdr:nvSpPr>
        <xdr:cNvPr id="216" name="楕円 215"/>
        <xdr:cNvSpPr/>
      </xdr:nvSpPr>
      <xdr:spPr>
        <a:xfrm>
          <a:off x="1397000" y="14042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95612</xdr:rowOff>
    </xdr:from>
    <xdr:ext cx="762000" cy="259045"/>
    <xdr:sp macro="" textlink="">
      <xdr:nvSpPr>
        <xdr:cNvPr id="217" name="テキスト ボックス 216"/>
        <xdr:cNvSpPr txBox="1"/>
      </xdr:nvSpPr>
      <xdr:spPr>
        <a:xfrm>
          <a:off x="1066800" y="138116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18" name="正方形/長方形 217"/>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19" name="テキスト ボックス 218"/>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0" name="テキスト ボックス 219"/>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1" name="正方形/長方形 220"/>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2" name="正方形/長方形 221"/>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3" name="正方形/長方形 222"/>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4" name="正方形/長方形 223"/>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5" name="正方形/長方形 224"/>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6" name="正方形/長方形 225"/>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7" name="正方形/長方形 226"/>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28" name="正方形/長方形 227"/>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29" name="正方形/長方形 228"/>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0" name="テキスト ボックス 229"/>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　職員の定年退職や経験年数等の変動により、前年度と比較して減少したものの、直近</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5</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年間では類似団体平均を上回っている。</a:t>
          </a:r>
          <a:endParaRPr lang="ja-JP" altLang="ja-JP" sz="1200">
            <a:effectLst/>
            <a:latin typeface="ＭＳ 明朝" panose="02020609040205080304" pitchFamily="17" charset="-128"/>
            <a:ea typeface="ＭＳ 明朝" panose="02020609040205080304" pitchFamily="17" charset="-128"/>
          </a:endParaRPr>
        </a:p>
        <a:p>
          <a:pPr eaLnBrk="1" fontAlgn="auto" latinLnBrk="0" hangingPunct="1"/>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今後も国等の状況を参考に給与等を決定し、適正な水準の維持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1" name="直線コネクタ 230"/>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2" name="テキスト ボックス 231"/>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3" name="直線コネクタ 232"/>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4" name="テキスト ボックス 233"/>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5" name="直線コネクタ 234"/>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6" name="テキスト ボックス 235"/>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7" name="直線コネクタ 236"/>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38" name="テキスト ボックス 237"/>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39" name="直線コネクタ 238"/>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0" name="テキスト ボックス 239"/>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1" name="直線コネクタ 240"/>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2" name="テキスト ボックス 241"/>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3" name="直線コネクタ 242"/>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4" name="テキスト ボックス 243"/>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96157</xdr:rowOff>
    </xdr:from>
    <xdr:to>
      <xdr:col>81</xdr:col>
      <xdr:colOff>44450</xdr:colOff>
      <xdr:row>89</xdr:row>
      <xdr:rowOff>87086</xdr:rowOff>
    </xdr:to>
    <xdr:cxnSp macro="">
      <xdr:nvCxnSpPr>
        <xdr:cNvPr id="248" name="直線コネクタ 247"/>
        <xdr:cNvCxnSpPr/>
      </xdr:nvCxnSpPr>
      <xdr:spPr>
        <a:xfrm flipV="1">
          <a:off x="17018000" y="13812157"/>
          <a:ext cx="0" cy="153397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59163</xdr:rowOff>
    </xdr:from>
    <xdr:ext cx="762000" cy="259045"/>
    <xdr:sp macro="" textlink="">
      <xdr:nvSpPr>
        <xdr:cNvPr id="249" name="給与水準   （国との比較）最小値テキスト"/>
        <xdr:cNvSpPr txBox="1"/>
      </xdr:nvSpPr>
      <xdr:spPr>
        <a:xfrm>
          <a:off x="17106900" y="15318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87086</xdr:rowOff>
    </xdr:from>
    <xdr:to>
      <xdr:col>81</xdr:col>
      <xdr:colOff>133350</xdr:colOff>
      <xdr:row>89</xdr:row>
      <xdr:rowOff>87086</xdr:rowOff>
    </xdr:to>
    <xdr:cxnSp macro="">
      <xdr:nvCxnSpPr>
        <xdr:cNvPr id="250" name="直線コネクタ 249"/>
        <xdr:cNvCxnSpPr/>
      </xdr:nvCxnSpPr>
      <xdr:spPr>
        <a:xfrm>
          <a:off x="16929100" y="15346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084</xdr:rowOff>
    </xdr:from>
    <xdr:ext cx="762000" cy="259045"/>
    <xdr:sp macro="" textlink="">
      <xdr:nvSpPr>
        <xdr:cNvPr id="251" name="給与水準   （国との比較）最大値テキスト"/>
        <xdr:cNvSpPr txBox="1"/>
      </xdr:nvSpPr>
      <xdr:spPr>
        <a:xfrm>
          <a:off x="17106900" y="1355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96157</xdr:rowOff>
    </xdr:from>
    <xdr:to>
      <xdr:col>81</xdr:col>
      <xdr:colOff>133350</xdr:colOff>
      <xdr:row>80</xdr:row>
      <xdr:rowOff>96157</xdr:rowOff>
    </xdr:to>
    <xdr:cxnSp macro="">
      <xdr:nvCxnSpPr>
        <xdr:cNvPr id="252" name="直線コネクタ 251"/>
        <xdr:cNvCxnSpPr/>
      </xdr:nvCxnSpPr>
      <xdr:spPr>
        <a:xfrm>
          <a:off x="16929100" y="1381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54214</xdr:rowOff>
    </xdr:from>
    <xdr:to>
      <xdr:col>81</xdr:col>
      <xdr:colOff>44450</xdr:colOff>
      <xdr:row>88</xdr:row>
      <xdr:rowOff>68943</xdr:rowOff>
    </xdr:to>
    <xdr:cxnSp macro="">
      <xdr:nvCxnSpPr>
        <xdr:cNvPr id="253" name="直線コネクタ 252"/>
        <xdr:cNvCxnSpPr/>
      </xdr:nvCxnSpPr>
      <xdr:spPr>
        <a:xfrm flipV="1">
          <a:off x="16179800" y="15070364"/>
          <a:ext cx="8382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68927</xdr:rowOff>
    </xdr:from>
    <xdr:ext cx="762000" cy="259045"/>
    <xdr:sp macro="" textlink="">
      <xdr:nvSpPr>
        <xdr:cNvPr id="254" name="給与水準   （国との比較）平均値テキスト"/>
        <xdr:cNvSpPr txBox="1"/>
      </xdr:nvSpPr>
      <xdr:spPr>
        <a:xfrm>
          <a:off x="17106900" y="1439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55" name="フローチャート: 判断 254"/>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68943</xdr:rowOff>
    </xdr:from>
    <xdr:to>
      <xdr:col>77</xdr:col>
      <xdr:colOff>44450</xdr:colOff>
      <xdr:row>88</xdr:row>
      <xdr:rowOff>86179</xdr:rowOff>
    </xdr:to>
    <xdr:cxnSp macro="">
      <xdr:nvCxnSpPr>
        <xdr:cNvPr id="256" name="直線コネクタ 255"/>
        <xdr:cNvCxnSpPr/>
      </xdr:nvCxnSpPr>
      <xdr:spPr>
        <a:xfrm flipV="1">
          <a:off x="15290800" y="15156543"/>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69636</xdr:rowOff>
    </xdr:from>
    <xdr:to>
      <xdr:col>77</xdr:col>
      <xdr:colOff>95250</xdr:colOff>
      <xdr:row>85</xdr:row>
      <xdr:rowOff>99786</xdr:rowOff>
    </xdr:to>
    <xdr:sp macro="" textlink="">
      <xdr:nvSpPr>
        <xdr:cNvPr id="257" name="フローチャート: 判断 256"/>
        <xdr:cNvSpPr/>
      </xdr:nvSpPr>
      <xdr:spPr>
        <a:xfrm>
          <a:off x="161290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09963</xdr:rowOff>
    </xdr:from>
    <xdr:ext cx="736600" cy="259045"/>
    <xdr:sp macro="" textlink="">
      <xdr:nvSpPr>
        <xdr:cNvPr id="258" name="テキスト ボックス 257"/>
        <xdr:cNvSpPr txBox="1"/>
      </xdr:nvSpPr>
      <xdr:spPr>
        <a:xfrm>
          <a:off x="15798800" y="143403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51707</xdr:rowOff>
    </xdr:from>
    <xdr:to>
      <xdr:col>72</xdr:col>
      <xdr:colOff>203200</xdr:colOff>
      <xdr:row>88</xdr:row>
      <xdr:rowOff>86179</xdr:rowOff>
    </xdr:to>
    <xdr:cxnSp macro="">
      <xdr:nvCxnSpPr>
        <xdr:cNvPr id="259" name="直線コネクタ 258"/>
        <xdr:cNvCxnSpPr/>
      </xdr:nvCxnSpPr>
      <xdr:spPr>
        <a:xfrm>
          <a:off x="14401800" y="15139307"/>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0" name="フローチャート: 判断 259"/>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1" name="テキスト ボックス 260"/>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34471</xdr:rowOff>
    </xdr:from>
    <xdr:to>
      <xdr:col>68</xdr:col>
      <xdr:colOff>152400</xdr:colOff>
      <xdr:row>88</xdr:row>
      <xdr:rowOff>51707</xdr:rowOff>
    </xdr:to>
    <xdr:cxnSp macro="">
      <xdr:nvCxnSpPr>
        <xdr:cNvPr id="262" name="直線コネクタ 261"/>
        <xdr:cNvCxnSpPr/>
      </xdr:nvCxnSpPr>
      <xdr:spPr>
        <a:xfrm>
          <a:off x="13512800" y="15122071"/>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3" name="フローチャート: 判断 262"/>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198</xdr:rowOff>
    </xdr:from>
    <xdr:ext cx="762000" cy="259045"/>
    <xdr:sp macro="" textlink="">
      <xdr:nvSpPr>
        <xdr:cNvPr id="264" name="テキスト ボックス 263"/>
        <xdr:cNvSpPr txBox="1"/>
      </xdr:nvSpPr>
      <xdr:spPr>
        <a:xfrm>
          <a:off x="14020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5" name="フローチャート: 判断 264"/>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66" name="テキスト ボックス 265"/>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3414</xdr:rowOff>
    </xdr:from>
    <xdr:to>
      <xdr:col>81</xdr:col>
      <xdr:colOff>95250</xdr:colOff>
      <xdr:row>88</xdr:row>
      <xdr:rowOff>33564</xdr:rowOff>
    </xdr:to>
    <xdr:sp macro="" textlink="">
      <xdr:nvSpPr>
        <xdr:cNvPr id="272" name="楕円 271"/>
        <xdr:cNvSpPr/>
      </xdr:nvSpPr>
      <xdr:spPr>
        <a:xfrm>
          <a:off x="16967200" y="150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75491</xdr:rowOff>
    </xdr:from>
    <xdr:ext cx="762000" cy="259045"/>
    <xdr:sp macro="" textlink="">
      <xdr:nvSpPr>
        <xdr:cNvPr id="273" name="給与水準   （国との比較）該当値テキスト"/>
        <xdr:cNvSpPr txBox="1"/>
      </xdr:nvSpPr>
      <xdr:spPr>
        <a:xfrm>
          <a:off x="17106900" y="14991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8143</xdr:rowOff>
    </xdr:from>
    <xdr:to>
      <xdr:col>77</xdr:col>
      <xdr:colOff>95250</xdr:colOff>
      <xdr:row>88</xdr:row>
      <xdr:rowOff>119743</xdr:rowOff>
    </xdr:to>
    <xdr:sp macro="" textlink="">
      <xdr:nvSpPr>
        <xdr:cNvPr id="274" name="楕円 273"/>
        <xdr:cNvSpPr/>
      </xdr:nvSpPr>
      <xdr:spPr>
        <a:xfrm>
          <a:off x="161290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04520</xdr:rowOff>
    </xdr:from>
    <xdr:ext cx="736600" cy="259045"/>
    <xdr:sp macro="" textlink="">
      <xdr:nvSpPr>
        <xdr:cNvPr id="275" name="テキスト ボックス 274"/>
        <xdr:cNvSpPr txBox="1"/>
      </xdr:nvSpPr>
      <xdr:spPr>
        <a:xfrm>
          <a:off x="15798800" y="15192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35379</xdr:rowOff>
    </xdr:from>
    <xdr:to>
      <xdr:col>73</xdr:col>
      <xdr:colOff>44450</xdr:colOff>
      <xdr:row>88</xdr:row>
      <xdr:rowOff>136979</xdr:rowOff>
    </xdr:to>
    <xdr:sp macro="" textlink="">
      <xdr:nvSpPr>
        <xdr:cNvPr id="276" name="楕円 275"/>
        <xdr:cNvSpPr/>
      </xdr:nvSpPr>
      <xdr:spPr>
        <a:xfrm>
          <a:off x="15240000" y="15122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21756</xdr:rowOff>
    </xdr:from>
    <xdr:ext cx="762000" cy="259045"/>
    <xdr:sp macro="" textlink="">
      <xdr:nvSpPr>
        <xdr:cNvPr id="277" name="テキスト ボックス 276"/>
        <xdr:cNvSpPr txBox="1"/>
      </xdr:nvSpPr>
      <xdr:spPr>
        <a:xfrm>
          <a:off x="14909800" y="15209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907</xdr:rowOff>
    </xdr:from>
    <xdr:to>
      <xdr:col>68</xdr:col>
      <xdr:colOff>203200</xdr:colOff>
      <xdr:row>88</xdr:row>
      <xdr:rowOff>102507</xdr:rowOff>
    </xdr:to>
    <xdr:sp macro="" textlink="">
      <xdr:nvSpPr>
        <xdr:cNvPr id="278" name="楕円 277"/>
        <xdr:cNvSpPr/>
      </xdr:nvSpPr>
      <xdr:spPr>
        <a:xfrm>
          <a:off x="14351000" y="1508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87284</xdr:rowOff>
    </xdr:from>
    <xdr:ext cx="762000" cy="259045"/>
    <xdr:sp macro="" textlink="">
      <xdr:nvSpPr>
        <xdr:cNvPr id="279" name="テキスト ボックス 278"/>
        <xdr:cNvSpPr txBox="1"/>
      </xdr:nvSpPr>
      <xdr:spPr>
        <a:xfrm>
          <a:off x="14020800" y="15174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55121</xdr:rowOff>
    </xdr:from>
    <xdr:to>
      <xdr:col>64</xdr:col>
      <xdr:colOff>152400</xdr:colOff>
      <xdr:row>88</xdr:row>
      <xdr:rowOff>85271</xdr:rowOff>
    </xdr:to>
    <xdr:sp macro="" textlink="">
      <xdr:nvSpPr>
        <xdr:cNvPr id="280" name="楕円 279"/>
        <xdr:cNvSpPr/>
      </xdr:nvSpPr>
      <xdr:spPr>
        <a:xfrm>
          <a:off x="13462000" y="15071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70048</xdr:rowOff>
    </xdr:from>
    <xdr:ext cx="762000" cy="259045"/>
    <xdr:sp macro="" textlink="">
      <xdr:nvSpPr>
        <xdr:cNvPr id="281" name="テキスト ボックス 280"/>
        <xdr:cNvSpPr txBox="1"/>
      </xdr:nvSpPr>
      <xdr:spPr>
        <a:xfrm>
          <a:off x="13131800" y="15157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人口</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000</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人当たりの職員数について、</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消防広域化に伴う消防職員の退職により</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前年度から</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10</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人の減となった。</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県平均は下回るものの、引き続き職員数の適正化を進めていくとと</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も</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に、各部署の業務内容等に応じた職員の適正配置や、役割や資質に応じた職員力の向上にも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61</xdr:col>
      <xdr:colOff>6350</xdr:colOff>
      <xdr:row>54</xdr:row>
      <xdr:rowOff>139700</xdr:rowOff>
    </xdr:from>
    <xdr:ext cx="349839" cy="225703"/>
    <xdr:sp macro="" textlink="">
      <xdr:nvSpPr>
        <xdr:cNvPr id="295" name="テキスト ボックス 294"/>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9797</xdr:rowOff>
    </xdr:from>
    <xdr:to>
      <xdr:col>81</xdr:col>
      <xdr:colOff>44450</xdr:colOff>
      <xdr:row>67</xdr:row>
      <xdr:rowOff>105863</xdr:rowOff>
    </xdr:to>
    <xdr:cxnSp macro="">
      <xdr:nvCxnSpPr>
        <xdr:cNvPr id="313" name="直線コネクタ 312"/>
        <xdr:cNvCxnSpPr/>
      </xdr:nvCxnSpPr>
      <xdr:spPr>
        <a:xfrm flipV="1">
          <a:off x="17018000" y="9953897"/>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7940</xdr:rowOff>
    </xdr:from>
    <xdr:ext cx="762000" cy="259045"/>
    <xdr:sp macro="" textlink="">
      <xdr:nvSpPr>
        <xdr:cNvPr id="314" name="定員管理の状況最小値テキスト"/>
        <xdr:cNvSpPr txBox="1"/>
      </xdr:nvSpPr>
      <xdr:spPr>
        <a:xfrm>
          <a:off x="17106900" y="11565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05863</xdr:rowOff>
    </xdr:from>
    <xdr:to>
      <xdr:col>81</xdr:col>
      <xdr:colOff>133350</xdr:colOff>
      <xdr:row>67</xdr:row>
      <xdr:rowOff>105863</xdr:rowOff>
    </xdr:to>
    <xdr:cxnSp macro="">
      <xdr:nvCxnSpPr>
        <xdr:cNvPr id="315" name="直線コネクタ 314"/>
        <xdr:cNvCxnSpPr/>
      </xdr:nvCxnSpPr>
      <xdr:spPr>
        <a:xfrm>
          <a:off x="16929100" y="11593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96174</xdr:rowOff>
    </xdr:from>
    <xdr:ext cx="762000" cy="259045"/>
    <xdr:sp macro="" textlink="">
      <xdr:nvSpPr>
        <xdr:cNvPr id="316" name="定員管理の状況最大値テキスト"/>
        <xdr:cNvSpPr txBox="1"/>
      </xdr:nvSpPr>
      <xdr:spPr>
        <a:xfrm>
          <a:off x="17106900" y="9697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9797</xdr:rowOff>
    </xdr:from>
    <xdr:to>
      <xdr:col>81</xdr:col>
      <xdr:colOff>133350</xdr:colOff>
      <xdr:row>58</xdr:row>
      <xdr:rowOff>9797</xdr:rowOff>
    </xdr:to>
    <xdr:cxnSp macro="">
      <xdr:nvCxnSpPr>
        <xdr:cNvPr id="317" name="直線コネクタ 316"/>
        <xdr:cNvCxnSpPr/>
      </xdr:nvCxnSpPr>
      <xdr:spPr>
        <a:xfrm>
          <a:off x="16929100" y="9953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98606</xdr:rowOff>
    </xdr:from>
    <xdr:to>
      <xdr:col>81</xdr:col>
      <xdr:colOff>44450</xdr:colOff>
      <xdr:row>60</xdr:row>
      <xdr:rowOff>116749</xdr:rowOff>
    </xdr:to>
    <xdr:cxnSp macro="">
      <xdr:nvCxnSpPr>
        <xdr:cNvPr id="318" name="直線コネクタ 317"/>
        <xdr:cNvCxnSpPr/>
      </xdr:nvCxnSpPr>
      <xdr:spPr>
        <a:xfrm flipV="1">
          <a:off x="16179800" y="10214156"/>
          <a:ext cx="838200" cy="189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24237</xdr:rowOff>
    </xdr:from>
    <xdr:ext cx="762000" cy="259045"/>
    <xdr:sp macro="" textlink="">
      <xdr:nvSpPr>
        <xdr:cNvPr id="319" name="定員管理の状況平均値テキスト"/>
        <xdr:cNvSpPr txBox="1"/>
      </xdr:nvSpPr>
      <xdr:spPr>
        <a:xfrm>
          <a:off x="17106900" y="103112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52160</xdr:rowOff>
    </xdr:from>
    <xdr:to>
      <xdr:col>81</xdr:col>
      <xdr:colOff>95250</xdr:colOff>
      <xdr:row>60</xdr:row>
      <xdr:rowOff>153760</xdr:rowOff>
    </xdr:to>
    <xdr:sp macro="" textlink="">
      <xdr:nvSpPr>
        <xdr:cNvPr id="320" name="フローチャート: 判断 319"/>
        <xdr:cNvSpPr/>
      </xdr:nvSpPr>
      <xdr:spPr>
        <a:xfrm>
          <a:off x="16967200" y="10339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16749</xdr:rowOff>
    </xdr:from>
    <xdr:to>
      <xdr:col>77</xdr:col>
      <xdr:colOff>44450</xdr:colOff>
      <xdr:row>60</xdr:row>
      <xdr:rowOff>118473</xdr:rowOff>
    </xdr:to>
    <xdr:cxnSp macro="">
      <xdr:nvCxnSpPr>
        <xdr:cNvPr id="321" name="直線コネクタ 320"/>
        <xdr:cNvCxnSpPr/>
      </xdr:nvCxnSpPr>
      <xdr:spPr>
        <a:xfrm flipV="1">
          <a:off x="15290800" y="10403749"/>
          <a:ext cx="8890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6649</xdr:rowOff>
    </xdr:from>
    <xdr:to>
      <xdr:col>77</xdr:col>
      <xdr:colOff>95250</xdr:colOff>
      <xdr:row>60</xdr:row>
      <xdr:rowOff>138249</xdr:rowOff>
    </xdr:to>
    <xdr:sp macro="" textlink="">
      <xdr:nvSpPr>
        <xdr:cNvPr id="322" name="フローチャート: 判断 321"/>
        <xdr:cNvSpPr/>
      </xdr:nvSpPr>
      <xdr:spPr>
        <a:xfrm>
          <a:off x="161290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8426</xdr:rowOff>
    </xdr:from>
    <xdr:ext cx="736600" cy="259045"/>
    <xdr:sp macro="" textlink="">
      <xdr:nvSpPr>
        <xdr:cNvPr id="323" name="テキスト ボックス 322"/>
        <xdr:cNvSpPr txBox="1"/>
      </xdr:nvSpPr>
      <xdr:spPr>
        <a:xfrm>
          <a:off x="15798800" y="100925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89172</xdr:rowOff>
    </xdr:from>
    <xdr:to>
      <xdr:col>72</xdr:col>
      <xdr:colOff>203200</xdr:colOff>
      <xdr:row>60</xdr:row>
      <xdr:rowOff>118473</xdr:rowOff>
    </xdr:to>
    <xdr:cxnSp macro="">
      <xdr:nvCxnSpPr>
        <xdr:cNvPr id="324" name="直線コネクタ 323"/>
        <xdr:cNvCxnSpPr/>
      </xdr:nvCxnSpPr>
      <xdr:spPr>
        <a:xfrm>
          <a:off x="14401800" y="10376172"/>
          <a:ext cx="8890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4584</xdr:rowOff>
    </xdr:from>
    <xdr:to>
      <xdr:col>73</xdr:col>
      <xdr:colOff>44450</xdr:colOff>
      <xdr:row>60</xdr:row>
      <xdr:rowOff>126184</xdr:rowOff>
    </xdr:to>
    <xdr:sp macro="" textlink="">
      <xdr:nvSpPr>
        <xdr:cNvPr id="325" name="フローチャート: 判断 324"/>
        <xdr:cNvSpPr/>
      </xdr:nvSpPr>
      <xdr:spPr>
        <a:xfrm>
          <a:off x="15240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6361</xdr:rowOff>
    </xdr:from>
    <xdr:ext cx="762000" cy="259045"/>
    <xdr:sp macro="" textlink="">
      <xdr:nvSpPr>
        <xdr:cNvPr id="326" name="テキスト ボックス 325"/>
        <xdr:cNvSpPr txBox="1"/>
      </xdr:nvSpPr>
      <xdr:spPr>
        <a:xfrm>
          <a:off x="14909800" y="10080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89172</xdr:rowOff>
    </xdr:from>
    <xdr:to>
      <xdr:col>68</xdr:col>
      <xdr:colOff>152400</xdr:colOff>
      <xdr:row>60</xdr:row>
      <xdr:rowOff>96066</xdr:rowOff>
    </xdr:to>
    <xdr:cxnSp macro="">
      <xdr:nvCxnSpPr>
        <xdr:cNvPr id="327" name="直線コネクタ 326"/>
        <xdr:cNvCxnSpPr/>
      </xdr:nvCxnSpPr>
      <xdr:spPr>
        <a:xfrm flipV="1">
          <a:off x="13512800" y="10376172"/>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33201</xdr:rowOff>
    </xdr:from>
    <xdr:to>
      <xdr:col>68</xdr:col>
      <xdr:colOff>203200</xdr:colOff>
      <xdr:row>60</xdr:row>
      <xdr:rowOff>134801</xdr:rowOff>
    </xdr:to>
    <xdr:sp macro="" textlink="">
      <xdr:nvSpPr>
        <xdr:cNvPr id="328" name="フローチャート: 判断 327"/>
        <xdr:cNvSpPr/>
      </xdr:nvSpPr>
      <xdr:spPr>
        <a:xfrm>
          <a:off x="14351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44978</xdr:rowOff>
    </xdr:from>
    <xdr:ext cx="762000" cy="259045"/>
    <xdr:sp macro="" textlink="">
      <xdr:nvSpPr>
        <xdr:cNvPr id="329" name="テキスト ボックス 328"/>
        <xdr:cNvSpPr txBox="1"/>
      </xdr:nvSpPr>
      <xdr:spPr>
        <a:xfrm>
          <a:off x="14020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28031</xdr:rowOff>
    </xdr:from>
    <xdr:to>
      <xdr:col>64</xdr:col>
      <xdr:colOff>152400</xdr:colOff>
      <xdr:row>60</xdr:row>
      <xdr:rowOff>129631</xdr:rowOff>
    </xdr:to>
    <xdr:sp macro="" textlink="">
      <xdr:nvSpPr>
        <xdr:cNvPr id="330" name="フローチャート: 判断 329"/>
        <xdr:cNvSpPr/>
      </xdr:nvSpPr>
      <xdr:spPr>
        <a:xfrm>
          <a:off x="13462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39808</xdr:rowOff>
    </xdr:from>
    <xdr:ext cx="762000" cy="259045"/>
    <xdr:sp macro="" textlink="">
      <xdr:nvSpPr>
        <xdr:cNvPr id="331" name="テキスト ボックス 330"/>
        <xdr:cNvSpPr txBox="1"/>
      </xdr:nvSpPr>
      <xdr:spPr>
        <a:xfrm>
          <a:off x="13131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47806</xdr:rowOff>
    </xdr:from>
    <xdr:to>
      <xdr:col>81</xdr:col>
      <xdr:colOff>95250</xdr:colOff>
      <xdr:row>59</xdr:row>
      <xdr:rowOff>149406</xdr:rowOff>
    </xdr:to>
    <xdr:sp macro="" textlink="">
      <xdr:nvSpPr>
        <xdr:cNvPr id="337" name="楕円 336"/>
        <xdr:cNvSpPr/>
      </xdr:nvSpPr>
      <xdr:spPr>
        <a:xfrm>
          <a:off x="16967200" y="10163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64333</xdr:rowOff>
    </xdr:from>
    <xdr:ext cx="762000" cy="259045"/>
    <xdr:sp macro="" textlink="">
      <xdr:nvSpPr>
        <xdr:cNvPr id="338" name="定員管理の状況該当値テキスト"/>
        <xdr:cNvSpPr txBox="1"/>
      </xdr:nvSpPr>
      <xdr:spPr>
        <a:xfrm>
          <a:off x="17106900" y="10008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65949</xdr:rowOff>
    </xdr:from>
    <xdr:to>
      <xdr:col>77</xdr:col>
      <xdr:colOff>95250</xdr:colOff>
      <xdr:row>60</xdr:row>
      <xdr:rowOff>167549</xdr:rowOff>
    </xdr:to>
    <xdr:sp macro="" textlink="">
      <xdr:nvSpPr>
        <xdr:cNvPr id="339" name="楕円 338"/>
        <xdr:cNvSpPr/>
      </xdr:nvSpPr>
      <xdr:spPr>
        <a:xfrm>
          <a:off x="16129000" y="10352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52326</xdr:rowOff>
    </xdr:from>
    <xdr:ext cx="736600" cy="259045"/>
    <xdr:sp macro="" textlink="">
      <xdr:nvSpPr>
        <xdr:cNvPr id="340" name="テキスト ボックス 339"/>
        <xdr:cNvSpPr txBox="1"/>
      </xdr:nvSpPr>
      <xdr:spPr>
        <a:xfrm>
          <a:off x="15798800" y="104393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67673</xdr:rowOff>
    </xdr:from>
    <xdr:to>
      <xdr:col>73</xdr:col>
      <xdr:colOff>44450</xdr:colOff>
      <xdr:row>60</xdr:row>
      <xdr:rowOff>169273</xdr:rowOff>
    </xdr:to>
    <xdr:sp macro="" textlink="">
      <xdr:nvSpPr>
        <xdr:cNvPr id="341" name="楕円 340"/>
        <xdr:cNvSpPr/>
      </xdr:nvSpPr>
      <xdr:spPr>
        <a:xfrm>
          <a:off x="15240000" y="10354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54050</xdr:rowOff>
    </xdr:from>
    <xdr:ext cx="762000" cy="259045"/>
    <xdr:sp macro="" textlink="">
      <xdr:nvSpPr>
        <xdr:cNvPr id="342" name="テキスト ボックス 341"/>
        <xdr:cNvSpPr txBox="1"/>
      </xdr:nvSpPr>
      <xdr:spPr>
        <a:xfrm>
          <a:off x="14909800" y="10441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38372</xdr:rowOff>
    </xdr:from>
    <xdr:to>
      <xdr:col>68</xdr:col>
      <xdr:colOff>203200</xdr:colOff>
      <xdr:row>60</xdr:row>
      <xdr:rowOff>139972</xdr:rowOff>
    </xdr:to>
    <xdr:sp macro="" textlink="">
      <xdr:nvSpPr>
        <xdr:cNvPr id="343" name="楕円 342"/>
        <xdr:cNvSpPr/>
      </xdr:nvSpPr>
      <xdr:spPr>
        <a:xfrm>
          <a:off x="14351000" y="10325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24749</xdr:rowOff>
    </xdr:from>
    <xdr:ext cx="762000" cy="259045"/>
    <xdr:sp macro="" textlink="">
      <xdr:nvSpPr>
        <xdr:cNvPr id="344" name="テキスト ボックス 343"/>
        <xdr:cNvSpPr txBox="1"/>
      </xdr:nvSpPr>
      <xdr:spPr>
        <a:xfrm>
          <a:off x="14020800" y="1041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45266</xdr:rowOff>
    </xdr:from>
    <xdr:to>
      <xdr:col>64</xdr:col>
      <xdr:colOff>152400</xdr:colOff>
      <xdr:row>60</xdr:row>
      <xdr:rowOff>146866</xdr:rowOff>
    </xdr:to>
    <xdr:sp macro="" textlink="">
      <xdr:nvSpPr>
        <xdr:cNvPr id="345" name="楕円 344"/>
        <xdr:cNvSpPr/>
      </xdr:nvSpPr>
      <xdr:spPr>
        <a:xfrm>
          <a:off x="13462000" y="1033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31643</xdr:rowOff>
    </xdr:from>
    <xdr:ext cx="762000" cy="259045"/>
    <xdr:sp macro="" textlink="">
      <xdr:nvSpPr>
        <xdr:cNvPr id="346" name="テキスト ボックス 345"/>
        <xdr:cNvSpPr txBox="1"/>
      </xdr:nvSpPr>
      <xdr:spPr>
        <a:xfrm>
          <a:off x="13131800" y="10418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実質公債費</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比</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率は、前年度と比べて</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0.2</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ポイント増加したものの、過去</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5</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全ての年度において、類似団体平均値を下回ってい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ただし、公共施設</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等</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の</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再編</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や田端西地区まちづくり事業など、大型の公共事業が予定されているため、将来的に公債費の増加が見込まれ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今後も引き続き、県内や類似団体平均値を一つの目安としながら、適正水準の確保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9583</xdr:rowOff>
    </xdr:from>
    <xdr:to>
      <xdr:col>81</xdr:col>
      <xdr:colOff>44450</xdr:colOff>
      <xdr:row>44</xdr:row>
      <xdr:rowOff>109946</xdr:rowOff>
    </xdr:to>
    <xdr:cxnSp macro="">
      <xdr:nvCxnSpPr>
        <xdr:cNvPr id="376" name="直線コネクタ 375"/>
        <xdr:cNvCxnSpPr/>
      </xdr:nvCxnSpPr>
      <xdr:spPr>
        <a:xfrm flipV="1">
          <a:off x="17018000" y="6281783"/>
          <a:ext cx="0" cy="13719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7" name="公債費負担の状況最小値テキスト"/>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78" name="直線コネクタ 377"/>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4510</xdr:rowOff>
    </xdr:from>
    <xdr:ext cx="762000" cy="259045"/>
    <xdr:sp macro="" textlink="">
      <xdr:nvSpPr>
        <xdr:cNvPr id="379" name="公債費負担の状況最大値テキスト"/>
        <xdr:cNvSpPr txBox="1"/>
      </xdr:nvSpPr>
      <xdr:spPr>
        <a:xfrm>
          <a:off x="17106900" y="602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9583</xdr:rowOff>
    </xdr:from>
    <xdr:to>
      <xdr:col>81</xdr:col>
      <xdr:colOff>133350</xdr:colOff>
      <xdr:row>36</xdr:row>
      <xdr:rowOff>109583</xdr:rowOff>
    </xdr:to>
    <xdr:cxnSp macro="">
      <xdr:nvCxnSpPr>
        <xdr:cNvPr id="380" name="直線コネクタ 379"/>
        <xdr:cNvCxnSpPr/>
      </xdr:nvCxnSpPr>
      <xdr:spPr>
        <a:xfrm>
          <a:off x="16929100" y="6281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66551</xdr:rowOff>
    </xdr:from>
    <xdr:to>
      <xdr:col>81</xdr:col>
      <xdr:colOff>44450</xdr:colOff>
      <xdr:row>39</xdr:row>
      <xdr:rowOff>8890</xdr:rowOff>
    </xdr:to>
    <xdr:cxnSp macro="">
      <xdr:nvCxnSpPr>
        <xdr:cNvPr id="381" name="直線コネクタ 380"/>
        <xdr:cNvCxnSpPr/>
      </xdr:nvCxnSpPr>
      <xdr:spPr>
        <a:xfrm>
          <a:off x="16179800" y="6681651"/>
          <a:ext cx="8382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7678</xdr:rowOff>
    </xdr:from>
    <xdr:ext cx="762000" cy="259045"/>
    <xdr:sp macro="" textlink="">
      <xdr:nvSpPr>
        <xdr:cNvPr id="382" name="公債費負担の状況平均値テキスト"/>
        <xdr:cNvSpPr txBox="1"/>
      </xdr:nvSpPr>
      <xdr:spPr>
        <a:xfrm>
          <a:off x="17106900" y="68442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151</xdr:rowOff>
    </xdr:from>
    <xdr:to>
      <xdr:col>81</xdr:col>
      <xdr:colOff>95250</xdr:colOff>
      <xdr:row>40</xdr:row>
      <xdr:rowOff>115751</xdr:rowOff>
    </xdr:to>
    <xdr:sp macro="" textlink="">
      <xdr:nvSpPr>
        <xdr:cNvPr id="383" name="フローチャート: 判断 382"/>
        <xdr:cNvSpPr/>
      </xdr:nvSpPr>
      <xdr:spPr>
        <a:xfrm>
          <a:off x="169672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59657</xdr:rowOff>
    </xdr:from>
    <xdr:to>
      <xdr:col>77</xdr:col>
      <xdr:colOff>44450</xdr:colOff>
      <xdr:row>38</xdr:row>
      <xdr:rowOff>166551</xdr:rowOff>
    </xdr:to>
    <xdr:cxnSp macro="">
      <xdr:nvCxnSpPr>
        <xdr:cNvPr id="384" name="直線コネクタ 383"/>
        <xdr:cNvCxnSpPr/>
      </xdr:nvCxnSpPr>
      <xdr:spPr>
        <a:xfrm>
          <a:off x="15290800" y="6674757"/>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64919</xdr:rowOff>
    </xdr:from>
    <xdr:to>
      <xdr:col>77</xdr:col>
      <xdr:colOff>95250</xdr:colOff>
      <xdr:row>40</xdr:row>
      <xdr:rowOff>95069</xdr:rowOff>
    </xdr:to>
    <xdr:sp macro="" textlink="">
      <xdr:nvSpPr>
        <xdr:cNvPr id="385" name="フローチャート: 判断 384"/>
        <xdr:cNvSpPr/>
      </xdr:nvSpPr>
      <xdr:spPr>
        <a:xfrm>
          <a:off x="161290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79846</xdr:rowOff>
    </xdr:from>
    <xdr:ext cx="736600" cy="259045"/>
    <xdr:sp macro="" textlink="">
      <xdr:nvSpPr>
        <xdr:cNvPr id="386" name="テキスト ボックス 385"/>
        <xdr:cNvSpPr txBox="1"/>
      </xdr:nvSpPr>
      <xdr:spPr>
        <a:xfrm>
          <a:off x="15798800" y="69378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59657</xdr:rowOff>
    </xdr:from>
    <xdr:to>
      <xdr:col>72</xdr:col>
      <xdr:colOff>203200</xdr:colOff>
      <xdr:row>39</xdr:row>
      <xdr:rowOff>1996</xdr:rowOff>
    </xdr:to>
    <xdr:cxnSp macro="">
      <xdr:nvCxnSpPr>
        <xdr:cNvPr id="387" name="直線コネクタ 386"/>
        <xdr:cNvCxnSpPr/>
      </xdr:nvCxnSpPr>
      <xdr:spPr>
        <a:xfrm flipV="1">
          <a:off x="14401800" y="6674757"/>
          <a:ext cx="8890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363</xdr:rowOff>
    </xdr:from>
    <xdr:to>
      <xdr:col>73</xdr:col>
      <xdr:colOff>44450</xdr:colOff>
      <xdr:row>40</xdr:row>
      <xdr:rowOff>101963</xdr:rowOff>
    </xdr:to>
    <xdr:sp macro="" textlink="">
      <xdr:nvSpPr>
        <xdr:cNvPr id="388" name="フローチャート: 判断 387"/>
        <xdr:cNvSpPr/>
      </xdr:nvSpPr>
      <xdr:spPr>
        <a:xfrm>
          <a:off x="15240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86740</xdr:rowOff>
    </xdr:from>
    <xdr:ext cx="762000" cy="259045"/>
    <xdr:sp macro="" textlink="">
      <xdr:nvSpPr>
        <xdr:cNvPr id="389" name="テキスト ボックス 388"/>
        <xdr:cNvSpPr txBox="1"/>
      </xdr:nvSpPr>
      <xdr:spPr>
        <a:xfrm>
          <a:off x="14909800" y="6944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996</xdr:rowOff>
    </xdr:from>
    <xdr:to>
      <xdr:col>68</xdr:col>
      <xdr:colOff>152400</xdr:colOff>
      <xdr:row>39</xdr:row>
      <xdr:rowOff>1996</xdr:rowOff>
    </xdr:to>
    <xdr:cxnSp macro="">
      <xdr:nvCxnSpPr>
        <xdr:cNvPr id="390" name="直線コネクタ 389"/>
        <xdr:cNvCxnSpPr/>
      </xdr:nvCxnSpPr>
      <xdr:spPr>
        <a:xfrm>
          <a:off x="13512800" y="668854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4151</xdr:rowOff>
    </xdr:from>
    <xdr:to>
      <xdr:col>68</xdr:col>
      <xdr:colOff>203200</xdr:colOff>
      <xdr:row>40</xdr:row>
      <xdr:rowOff>115751</xdr:rowOff>
    </xdr:to>
    <xdr:sp macro="" textlink="">
      <xdr:nvSpPr>
        <xdr:cNvPr id="391" name="フローチャート: 判断 390"/>
        <xdr:cNvSpPr/>
      </xdr:nvSpPr>
      <xdr:spPr>
        <a:xfrm>
          <a:off x="14351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00528</xdr:rowOff>
    </xdr:from>
    <xdr:ext cx="762000" cy="259045"/>
    <xdr:sp macro="" textlink="">
      <xdr:nvSpPr>
        <xdr:cNvPr id="392" name="テキスト ボックス 391"/>
        <xdr:cNvSpPr txBox="1"/>
      </xdr:nvSpPr>
      <xdr:spPr>
        <a:xfrm>
          <a:off x="14020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3" name="フローチャート: 判断 392"/>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4" name="テキスト ボックス 393"/>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29540</xdr:rowOff>
    </xdr:from>
    <xdr:to>
      <xdr:col>81</xdr:col>
      <xdr:colOff>95250</xdr:colOff>
      <xdr:row>39</xdr:row>
      <xdr:rowOff>59690</xdr:rowOff>
    </xdr:to>
    <xdr:sp macro="" textlink="">
      <xdr:nvSpPr>
        <xdr:cNvPr id="400" name="楕円 399"/>
        <xdr:cNvSpPr/>
      </xdr:nvSpPr>
      <xdr:spPr>
        <a:xfrm>
          <a:off x="169672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46067</xdr:rowOff>
    </xdr:from>
    <xdr:ext cx="762000" cy="259045"/>
    <xdr:sp macro="" textlink="">
      <xdr:nvSpPr>
        <xdr:cNvPr id="401" name="公債費負担の状況該当値テキスト"/>
        <xdr:cNvSpPr txBox="1"/>
      </xdr:nvSpPr>
      <xdr:spPr>
        <a:xfrm>
          <a:off x="17106900" y="6489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15751</xdr:rowOff>
    </xdr:from>
    <xdr:to>
      <xdr:col>77</xdr:col>
      <xdr:colOff>95250</xdr:colOff>
      <xdr:row>39</xdr:row>
      <xdr:rowOff>45901</xdr:rowOff>
    </xdr:to>
    <xdr:sp macro="" textlink="">
      <xdr:nvSpPr>
        <xdr:cNvPr id="402" name="楕円 401"/>
        <xdr:cNvSpPr/>
      </xdr:nvSpPr>
      <xdr:spPr>
        <a:xfrm>
          <a:off x="16129000" y="663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56078</xdr:rowOff>
    </xdr:from>
    <xdr:ext cx="736600" cy="259045"/>
    <xdr:sp macro="" textlink="">
      <xdr:nvSpPr>
        <xdr:cNvPr id="403" name="テキスト ボックス 402"/>
        <xdr:cNvSpPr txBox="1"/>
      </xdr:nvSpPr>
      <xdr:spPr>
        <a:xfrm>
          <a:off x="15798800" y="63997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08857</xdr:rowOff>
    </xdr:from>
    <xdr:to>
      <xdr:col>73</xdr:col>
      <xdr:colOff>44450</xdr:colOff>
      <xdr:row>39</xdr:row>
      <xdr:rowOff>39007</xdr:rowOff>
    </xdr:to>
    <xdr:sp macro="" textlink="">
      <xdr:nvSpPr>
        <xdr:cNvPr id="404" name="楕円 403"/>
        <xdr:cNvSpPr/>
      </xdr:nvSpPr>
      <xdr:spPr>
        <a:xfrm>
          <a:off x="15240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49184</xdr:rowOff>
    </xdr:from>
    <xdr:ext cx="762000" cy="259045"/>
    <xdr:sp macro="" textlink="">
      <xdr:nvSpPr>
        <xdr:cNvPr id="405" name="テキスト ボックス 404"/>
        <xdr:cNvSpPr txBox="1"/>
      </xdr:nvSpPr>
      <xdr:spPr>
        <a:xfrm>
          <a:off x="14909800" y="639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22646</xdr:rowOff>
    </xdr:from>
    <xdr:to>
      <xdr:col>68</xdr:col>
      <xdr:colOff>203200</xdr:colOff>
      <xdr:row>39</xdr:row>
      <xdr:rowOff>52796</xdr:rowOff>
    </xdr:to>
    <xdr:sp macro="" textlink="">
      <xdr:nvSpPr>
        <xdr:cNvPr id="406" name="楕円 405"/>
        <xdr:cNvSpPr/>
      </xdr:nvSpPr>
      <xdr:spPr>
        <a:xfrm>
          <a:off x="14351000" y="663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62973</xdr:rowOff>
    </xdr:from>
    <xdr:ext cx="762000" cy="259045"/>
    <xdr:sp macro="" textlink="">
      <xdr:nvSpPr>
        <xdr:cNvPr id="407" name="テキスト ボックス 406"/>
        <xdr:cNvSpPr txBox="1"/>
      </xdr:nvSpPr>
      <xdr:spPr>
        <a:xfrm>
          <a:off x="14020800" y="6406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22646</xdr:rowOff>
    </xdr:from>
    <xdr:to>
      <xdr:col>64</xdr:col>
      <xdr:colOff>152400</xdr:colOff>
      <xdr:row>39</xdr:row>
      <xdr:rowOff>52796</xdr:rowOff>
    </xdr:to>
    <xdr:sp macro="" textlink="">
      <xdr:nvSpPr>
        <xdr:cNvPr id="408" name="楕円 407"/>
        <xdr:cNvSpPr/>
      </xdr:nvSpPr>
      <xdr:spPr>
        <a:xfrm>
          <a:off x="13462000" y="663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62973</xdr:rowOff>
    </xdr:from>
    <xdr:ext cx="762000" cy="259045"/>
    <xdr:sp macro="" textlink="">
      <xdr:nvSpPr>
        <xdr:cNvPr id="409" name="テキスト ボックス 408"/>
        <xdr:cNvSpPr txBox="1"/>
      </xdr:nvSpPr>
      <xdr:spPr>
        <a:xfrm>
          <a:off x="13131800" y="6406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将来負担比率は、平成</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9</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より算定なし（</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0.0</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未満のマイナス）の状態が続いており、類似団体内順位第</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位と良好な状況であ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4</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については、地方債発行額が既発債の償還額を下回ったことで、地方債残高は</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6,858,989</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千円と過去</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5</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で最も小さくなってい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ただし、公共施設の老朽化による更新や田端西地区まちづくり事業など、大型の公共事業が予定されているため、今後、一時的に将来負担比率が増加すると見込まれるが、後世への負担を少しでも軽減するよう、適正水準の確保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19897</xdr:rowOff>
    </xdr:to>
    <xdr:cxnSp macro="">
      <xdr:nvCxnSpPr>
        <xdr:cNvPr id="440" name="直線コネクタ 439"/>
        <xdr:cNvCxnSpPr/>
      </xdr:nvCxnSpPr>
      <xdr:spPr>
        <a:xfrm flipV="1">
          <a:off x="17018000" y="2313214"/>
          <a:ext cx="0" cy="16500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63424</xdr:rowOff>
    </xdr:from>
    <xdr:ext cx="762000" cy="259045"/>
    <xdr:sp macro="" textlink="">
      <xdr:nvSpPr>
        <xdr:cNvPr id="441" name="将来負担の状況最小値テキスト"/>
        <xdr:cNvSpPr txBox="1"/>
      </xdr:nvSpPr>
      <xdr:spPr>
        <a:xfrm>
          <a:off x="17106900" y="3935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9897</xdr:rowOff>
    </xdr:from>
    <xdr:to>
      <xdr:col>81</xdr:col>
      <xdr:colOff>133350</xdr:colOff>
      <xdr:row>23</xdr:row>
      <xdr:rowOff>19897</xdr:rowOff>
    </xdr:to>
    <xdr:cxnSp macro="">
      <xdr:nvCxnSpPr>
        <xdr:cNvPr id="442" name="直線コネクタ 441"/>
        <xdr:cNvCxnSpPr/>
      </xdr:nvCxnSpPr>
      <xdr:spPr>
        <a:xfrm>
          <a:off x="16929100" y="3963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24026</xdr:rowOff>
    </xdr:from>
    <xdr:ext cx="762000" cy="259045"/>
    <xdr:sp macro="" textlink="">
      <xdr:nvSpPr>
        <xdr:cNvPr id="445" name="将来負担の状況平均値テキスト"/>
        <xdr:cNvSpPr txBox="1"/>
      </xdr:nvSpPr>
      <xdr:spPr>
        <a:xfrm>
          <a:off x="17106900" y="22528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51949</xdr:rowOff>
    </xdr:from>
    <xdr:to>
      <xdr:col>81</xdr:col>
      <xdr:colOff>95250</xdr:colOff>
      <xdr:row>13</xdr:row>
      <xdr:rowOff>153549</xdr:rowOff>
    </xdr:to>
    <xdr:sp macro="" textlink="">
      <xdr:nvSpPr>
        <xdr:cNvPr id="446" name="フローチャート: 判断 445"/>
        <xdr:cNvSpPr/>
      </xdr:nvSpPr>
      <xdr:spPr>
        <a:xfrm>
          <a:off x="16967200" y="2280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86421</xdr:rowOff>
    </xdr:from>
    <xdr:to>
      <xdr:col>77</xdr:col>
      <xdr:colOff>95250</xdr:colOff>
      <xdr:row>14</xdr:row>
      <xdr:rowOff>16571</xdr:rowOff>
    </xdr:to>
    <xdr:sp macro="" textlink="">
      <xdr:nvSpPr>
        <xdr:cNvPr id="447" name="フローチャート: 判断 446"/>
        <xdr:cNvSpPr/>
      </xdr:nvSpPr>
      <xdr:spPr>
        <a:xfrm>
          <a:off x="16129000" y="2315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26748</xdr:rowOff>
    </xdr:from>
    <xdr:ext cx="736600" cy="259045"/>
    <xdr:sp macro="" textlink="">
      <xdr:nvSpPr>
        <xdr:cNvPr id="448" name="テキスト ボックス 447"/>
        <xdr:cNvSpPr txBox="1"/>
      </xdr:nvSpPr>
      <xdr:spPr>
        <a:xfrm>
          <a:off x="15798800" y="20841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40217</xdr:rowOff>
    </xdr:from>
    <xdr:to>
      <xdr:col>73</xdr:col>
      <xdr:colOff>44450</xdr:colOff>
      <xdr:row>14</xdr:row>
      <xdr:rowOff>141817</xdr:rowOff>
    </xdr:to>
    <xdr:sp macro="" textlink="">
      <xdr:nvSpPr>
        <xdr:cNvPr id="449" name="フローチャート: 判断 448"/>
        <xdr:cNvSpPr/>
      </xdr:nvSpPr>
      <xdr:spPr>
        <a:xfrm>
          <a:off x="15240000" y="244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51994</xdr:rowOff>
    </xdr:from>
    <xdr:ext cx="762000" cy="259045"/>
    <xdr:sp macro="" textlink="">
      <xdr:nvSpPr>
        <xdr:cNvPr id="450" name="テキスト ボックス 449"/>
        <xdr:cNvSpPr txBox="1"/>
      </xdr:nvSpPr>
      <xdr:spPr>
        <a:xfrm>
          <a:off x="14909800" y="220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95371</xdr:rowOff>
    </xdr:from>
    <xdr:to>
      <xdr:col>68</xdr:col>
      <xdr:colOff>203200</xdr:colOff>
      <xdr:row>15</xdr:row>
      <xdr:rowOff>25521</xdr:rowOff>
    </xdr:to>
    <xdr:sp macro="" textlink="">
      <xdr:nvSpPr>
        <xdr:cNvPr id="451" name="フローチャート: 判断 450"/>
        <xdr:cNvSpPr/>
      </xdr:nvSpPr>
      <xdr:spPr>
        <a:xfrm>
          <a:off x="14351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35698</xdr:rowOff>
    </xdr:from>
    <xdr:ext cx="762000" cy="259045"/>
    <xdr:sp macro="" textlink="">
      <xdr:nvSpPr>
        <xdr:cNvPr id="452" name="テキスト ボックス 451"/>
        <xdr:cNvSpPr txBox="1"/>
      </xdr:nvSpPr>
      <xdr:spPr>
        <a:xfrm>
          <a:off x="14020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1241</xdr:rowOff>
    </xdr:from>
    <xdr:to>
      <xdr:col>64</xdr:col>
      <xdr:colOff>152400</xdr:colOff>
      <xdr:row>15</xdr:row>
      <xdr:rowOff>1391</xdr:rowOff>
    </xdr:to>
    <xdr:sp macro="" textlink="">
      <xdr:nvSpPr>
        <xdr:cNvPr id="453" name="フローチャート: 判断 452"/>
        <xdr:cNvSpPr/>
      </xdr:nvSpPr>
      <xdr:spPr>
        <a:xfrm>
          <a:off x="13462000" y="2471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1568</xdr:rowOff>
    </xdr:from>
    <xdr:ext cx="762000" cy="259045"/>
    <xdr:sp macro="" textlink="">
      <xdr:nvSpPr>
        <xdr:cNvPr id="454" name="テキスト ボックス 453"/>
        <xdr:cNvSpPr txBox="1"/>
      </xdr:nvSpPr>
      <xdr:spPr>
        <a:xfrm>
          <a:off x="13131800" y="2240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3
48,001
13.34
20,901,741
18,851,296
1,947,164
10,338,887
6,858,9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0">
              <a:solidFill>
                <a:schemeClr val="dk1"/>
              </a:solidFill>
              <a:effectLst/>
              <a:latin typeface="+mn-lt"/>
              <a:ea typeface="+mn-ea"/>
              <a:cs typeface="+mn-cs"/>
            </a:rPr>
            <a:t>　</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令和</a:t>
          </a:r>
          <a:r>
            <a:rPr kumimoji="1" lang="en-US" altLang="ja-JP" sz="1200" b="0">
              <a:solidFill>
                <a:schemeClr val="dk1"/>
              </a:solidFill>
              <a:effectLst/>
              <a:latin typeface="ＭＳ 明朝" panose="02020609040205080304" pitchFamily="17" charset="-128"/>
              <a:ea typeface="ＭＳ 明朝" panose="02020609040205080304" pitchFamily="17" charset="-128"/>
              <a:cs typeface="+mn-cs"/>
            </a:rPr>
            <a:t>4</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年度から消防広域化に伴い、消防職員が退職となったことよる人件費の大幅な減となり、全体として前年度より</a:t>
          </a:r>
          <a:r>
            <a:rPr kumimoji="1" lang="en-US" altLang="ja-JP" sz="1200" b="0">
              <a:solidFill>
                <a:schemeClr val="dk1"/>
              </a:solidFill>
              <a:effectLst/>
              <a:latin typeface="ＭＳ 明朝" panose="02020609040205080304" pitchFamily="17" charset="-128"/>
              <a:ea typeface="ＭＳ 明朝" panose="02020609040205080304" pitchFamily="17" charset="-128"/>
              <a:cs typeface="+mn-cs"/>
            </a:rPr>
            <a:t>4.8</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ポイント減となった。</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　全国平均と同水準で、県平均では下回っている状態であり、住民サービスを低下させることがない組織を構築してい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　今後はさらなる電子化の推進やアウトソーシングの活用等を図ることで、効果的な組織体制の構築を目指す。</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8148</xdr:rowOff>
    </xdr:from>
    <xdr:to>
      <xdr:col>24</xdr:col>
      <xdr:colOff>25400</xdr:colOff>
      <xdr:row>40</xdr:row>
      <xdr:rowOff>136144</xdr:rowOff>
    </xdr:to>
    <xdr:cxnSp macro="">
      <xdr:nvCxnSpPr>
        <xdr:cNvPr id="59" name="直線コネクタ 58"/>
        <xdr:cNvCxnSpPr/>
      </xdr:nvCxnSpPr>
      <xdr:spPr>
        <a:xfrm flipV="1">
          <a:off x="4826000" y="599744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08221</xdr:rowOff>
    </xdr:from>
    <xdr:ext cx="762000" cy="259045"/>
    <xdr:sp macro="" textlink="">
      <xdr:nvSpPr>
        <xdr:cNvPr id="60" name="人件費最小値テキスト"/>
        <xdr:cNvSpPr txBox="1"/>
      </xdr:nvSpPr>
      <xdr:spPr>
        <a:xfrm>
          <a:off x="4914900" y="6966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36144</xdr:rowOff>
    </xdr:from>
    <xdr:to>
      <xdr:col>24</xdr:col>
      <xdr:colOff>114300</xdr:colOff>
      <xdr:row>40</xdr:row>
      <xdr:rowOff>136144</xdr:rowOff>
    </xdr:to>
    <xdr:cxnSp macro="">
      <xdr:nvCxnSpPr>
        <xdr:cNvPr id="61" name="直線コネクタ 60"/>
        <xdr:cNvCxnSpPr/>
      </xdr:nvCxnSpPr>
      <xdr:spPr>
        <a:xfrm>
          <a:off x="4737100" y="6994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83075</xdr:rowOff>
    </xdr:from>
    <xdr:ext cx="762000" cy="259045"/>
    <xdr:sp macro="" textlink="">
      <xdr:nvSpPr>
        <xdr:cNvPr id="62" name="人件費最大値テキスト"/>
        <xdr:cNvSpPr txBox="1"/>
      </xdr:nvSpPr>
      <xdr:spPr>
        <a:xfrm>
          <a:off x="4914900" y="5740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8148</xdr:rowOff>
    </xdr:from>
    <xdr:to>
      <xdr:col>24</xdr:col>
      <xdr:colOff>114300</xdr:colOff>
      <xdr:row>34</xdr:row>
      <xdr:rowOff>168148</xdr:rowOff>
    </xdr:to>
    <xdr:cxnSp macro="">
      <xdr:nvCxnSpPr>
        <xdr:cNvPr id="63" name="直線コネクタ 62"/>
        <xdr:cNvCxnSpPr/>
      </xdr:nvCxnSpPr>
      <xdr:spPr>
        <a:xfrm>
          <a:off x="4737100" y="5997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10998</xdr:rowOff>
    </xdr:from>
    <xdr:to>
      <xdr:col>24</xdr:col>
      <xdr:colOff>25400</xdr:colOff>
      <xdr:row>38</xdr:row>
      <xdr:rowOff>159004</xdr:rowOff>
    </xdr:to>
    <xdr:cxnSp macro="">
      <xdr:nvCxnSpPr>
        <xdr:cNvPr id="64" name="直線コネクタ 63"/>
        <xdr:cNvCxnSpPr/>
      </xdr:nvCxnSpPr>
      <xdr:spPr>
        <a:xfrm flipV="1">
          <a:off x="3987800" y="6454648"/>
          <a:ext cx="838200" cy="219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3875</xdr:rowOff>
    </xdr:from>
    <xdr:ext cx="762000" cy="259045"/>
    <xdr:sp macro="" textlink="">
      <xdr:nvSpPr>
        <xdr:cNvPr id="65" name="人件費平均値テキスト"/>
        <xdr:cNvSpPr txBox="1"/>
      </xdr:nvSpPr>
      <xdr:spPr>
        <a:xfrm>
          <a:off x="4914900" y="61346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7348</xdr:rowOff>
    </xdr:from>
    <xdr:to>
      <xdr:col>24</xdr:col>
      <xdr:colOff>76200</xdr:colOff>
      <xdr:row>37</xdr:row>
      <xdr:rowOff>47498</xdr:rowOff>
    </xdr:to>
    <xdr:sp macro="" textlink="">
      <xdr:nvSpPr>
        <xdr:cNvPr id="66" name="フローチャート: 判断 65"/>
        <xdr:cNvSpPr/>
      </xdr:nvSpPr>
      <xdr:spPr>
        <a:xfrm>
          <a:off x="47752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59004</xdr:rowOff>
    </xdr:from>
    <xdr:to>
      <xdr:col>19</xdr:col>
      <xdr:colOff>187325</xdr:colOff>
      <xdr:row>39</xdr:row>
      <xdr:rowOff>46990</xdr:rowOff>
    </xdr:to>
    <xdr:cxnSp macro="">
      <xdr:nvCxnSpPr>
        <xdr:cNvPr id="67" name="直線コネクタ 66"/>
        <xdr:cNvCxnSpPr/>
      </xdr:nvCxnSpPr>
      <xdr:spPr>
        <a:xfrm flipV="1">
          <a:off x="3098800" y="6674104"/>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9916</xdr:rowOff>
    </xdr:from>
    <xdr:to>
      <xdr:col>20</xdr:col>
      <xdr:colOff>38100</xdr:colOff>
      <xdr:row>37</xdr:row>
      <xdr:rowOff>20066</xdr:rowOff>
    </xdr:to>
    <xdr:sp macro="" textlink="">
      <xdr:nvSpPr>
        <xdr:cNvPr id="68" name="フローチャート: 判断 67"/>
        <xdr:cNvSpPr/>
      </xdr:nvSpPr>
      <xdr:spPr>
        <a:xfrm>
          <a:off x="3937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0243</xdr:rowOff>
    </xdr:from>
    <xdr:ext cx="736600" cy="259045"/>
    <xdr:sp macro="" textlink="">
      <xdr:nvSpPr>
        <xdr:cNvPr id="69" name="テキスト ボックス 68"/>
        <xdr:cNvSpPr txBox="1"/>
      </xdr:nvSpPr>
      <xdr:spPr>
        <a:xfrm>
          <a:off x="3606800" y="6030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54432</xdr:rowOff>
    </xdr:from>
    <xdr:to>
      <xdr:col>15</xdr:col>
      <xdr:colOff>98425</xdr:colOff>
      <xdr:row>39</xdr:row>
      <xdr:rowOff>46990</xdr:rowOff>
    </xdr:to>
    <xdr:cxnSp macro="">
      <xdr:nvCxnSpPr>
        <xdr:cNvPr id="70" name="直線コネクタ 69"/>
        <xdr:cNvCxnSpPr/>
      </xdr:nvCxnSpPr>
      <xdr:spPr>
        <a:xfrm>
          <a:off x="2209800" y="6669532"/>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58496</xdr:rowOff>
    </xdr:from>
    <xdr:to>
      <xdr:col>15</xdr:col>
      <xdr:colOff>149225</xdr:colOff>
      <xdr:row>37</xdr:row>
      <xdr:rowOff>88646</xdr:rowOff>
    </xdr:to>
    <xdr:sp macro="" textlink="">
      <xdr:nvSpPr>
        <xdr:cNvPr id="71" name="フローチャート: 判断 70"/>
        <xdr:cNvSpPr/>
      </xdr:nvSpPr>
      <xdr:spPr>
        <a:xfrm>
          <a:off x="3048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98823</xdr:rowOff>
    </xdr:from>
    <xdr:ext cx="762000" cy="259045"/>
    <xdr:sp macro="" textlink="">
      <xdr:nvSpPr>
        <xdr:cNvPr id="72" name="テキスト ボックス 71"/>
        <xdr:cNvSpPr txBox="1"/>
      </xdr:nvSpPr>
      <xdr:spPr>
        <a:xfrm>
          <a:off x="2717800" y="609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54432</xdr:rowOff>
    </xdr:from>
    <xdr:to>
      <xdr:col>11</xdr:col>
      <xdr:colOff>9525</xdr:colOff>
      <xdr:row>39</xdr:row>
      <xdr:rowOff>10414</xdr:rowOff>
    </xdr:to>
    <xdr:cxnSp macro="">
      <xdr:nvCxnSpPr>
        <xdr:cNvPr id="73" name="直線コネクタ 72"/>
        <xdr:cNvCxnSpPr/>
      </xdr:nvCxnSpPr>
      <xdr:spPr>
        <a:xfrm flipV="1">
          <a:off x="1320800" y="666953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5344</xdr:rowOff>
    </xdr:from>
    <xdr:to>
      <xdr:col>11</xdr:col>
      <xdr:colOff>60325</xdr:colOff>
      <xdr:row>37</xdr:row>
      <xdr:rowOff>15494</xdr:rowOff>
    </xdr:to>
    <xdr:sp macro="" textlink="">
      <xdr:nvSpPr>
        <xdr:cNvPr id="74" name="フローチャート: 判断 73"/>
        <xdr:cNvSpPr/>
      </xdr:nvSpPr>
      <xdr:spPr>
        <a:xfrm>
          <a:off x="2159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5671</xdr:rowOff>
    </xdr:from>
    <xdr:ext cx="762000" cy="259045"/>
    <xdr:sp macro="" textlink="">
      <xdr:nvSpPr>
        <xdr:cNvPr id="75" name="テキスト ボックス 74"/>
        <xdr:cNvSpPr txBox="1"/>
      </xdr:nvSpPr>
      <xdr:spPr>
        <a:xfrm>
          <a:off x="1828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9916</xdr:rowOff>
    </xdr:from>
    <xdr:to>
      <xdr:col>6</xdr:col>
      <xdr:colOff>171450</xdr:colOff>
      <xdr:row>37</xdr:row>
      <xdr:rowOff>20066</xdr:rowOff>
    </xdr:to>
    <xdr:sp macro="" textlink="">
      <xdr:nvSpPr>
        <xdr:cNvPr id="76" name="フローチャート: 判断 75"/>
        <xdr:cNvSpPr/>
      </xdr:nvSpPr>
      <xdr:spPr>
        <a:xfrm>
          <a:off x="1270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0243</xdr:rowOff>
    </xdr:from>
    <xdr:ext cx="762000" cy="259045"/>
    <xdr:sp macro="" textlink="">
      <xdr:nvSpPr>
        <xdr:cNvPr id="77" name="テキスト ボックス 76"/>
        <xdr:cNvSpPr txBox="1"/>
      </xdr:nvSpPr>
      <xdr:spPr>
        <a:xfrm>
          <a:off x="939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60198</xdr:rowOff>
    </xdr:from>
    <xdr:to>
      <xdr:col>24</xdr:col>
      <xdr:colOff>76200</xdr:colOff>
      <xdr:row>37</xdr:row>
      <xdr:rowOff>161798</xdr:rowOff>
    </xdr:to>
    <xdr:sp macro="" textlink="">
      <xdr:nvSpPr>
        <xdr:cNvPr id="83" name="楕円 82"/>
        <xdr:cNvSpPr/>
      </xdr:nvSpPr>
      <xdr:spPr>
        <a:xfrm>
          <a:off x="4775200" y="64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32275</xdr:rowOff>
    </xdr:from>
    <xdr:ext cx="762000" cy="259045"/>
    <xdr:sp macro="" textlink="">
      <xdr:nvSpPr>
        <xdr:cNvPr id="84" name="人件費該当値テキスト"/>
        <xdr:cNvSpPr txBox="1"/>
      </xdr:nvSpPr>
      <xdr:spPr>
        <a:xfrm>
          <a:off x="4914900" y="6375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08204</xdr:rowOff>
    </xdr:from>
    <xdr:to>
      <xdr:col>20</xdr:col>
      <xdr:colOff>38100</xdr:colOff>
      <xdr:row>39</xdr:row>
      <xdr:rowOff>38354</xdr:rowOff>
    </xdr:to>
    <xdr:sp macro="" textlink="">
      <xdr:nvSpPr>
        <xdr:cNvPr id="85" name="楕円 84"/>
        <xdr:cNvSpPr/>
      </xdr:nvSpPr>
      <xdr:spPr>
        <a:xfrm>
          <a:off x="3937000" y="6623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23131</xdr:rowOff>
    </xdr:from>
    <xdr:ext cx="736600" cy="259045"/>
    <xdr:sp macro="" textlink="">
      <xdr:nvSpPr>
        <xdr:cNvPr id="86" name="テキスト ボックス 85"/>
        <xdr:cNvSpPr txBox="1"/>
      </xdr:nvSpPr>
      <xdr:spPr>
        <a:xfrm>
          <a:off x="3606800" y="67096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67640</xdr:rowOff>
    </xdr:from>
    <xdr:to>
      <xdr:col>15</xdr:col>
      <xdr:colOff>149225</xdr:colOff>
      <xdr:row>39</xdr:row>
      <xdr:rowOff>97790</xdr:rowOff>
    </xdr:to>
    <xdr:sp macro="" textlink="">
      <xdr:nvSpPr>
        <xdr:cNvPr id="87" name="楕円 86"/>
        <xdr:cNvSpPr/>
      </xdr:nvSpPr>
      <xdr:spPr>
        <a:xfrm>
          <a:off x="3048000" y="668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82567</xdr:rowOff>
    </xdr:from>
    <xdr:ext cx="762000" cy="259045"/>
    <xdr:sp macro="" textlink="">
      <xdr:nvSpPr>
        <xdr:cNvPr id="88" name="テキスト ボックス 87"/>
        <xdr:cNvSpPr txBox="1"/>
      </xdr:nvSpPr>
      <xdr:spPr>
        <a:xfrm>
          <a:off x="2717800" y="676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03632</xdr:rowOff>
    </xdr:from>
    <xdr:to>
      <xdr:col>11</xdr:col>
      <xdr:colOff>60325</xdr:colOff>
      <xdr:row>39</xdr:row>
      <xdr:rowOff>33782</xdr:rowOff>
    </xdr:to>
    <xdr:sp macro="" textlink="">
      <xdr:nvSpPr>
        <xdr:cNvPr id="89" name="楕円 88"/>
        <xdr:cNvSpPr/>
      </xdr:nvSpPr>
      <xdr:spPr>
        <a:xfrm>
          <a:off x="2159000" y="6618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8559</xdr:rowOff>
    </xdr:from>
    <xdr:ext cx="762000" cy="259045"/>
    <xdr:sp macro="" textlink="">
      <xdr:nvSpPr>
        <xdr:cNvPr id="90" name="テキスト ボックス 89"/>
        <xdr:cNvSpPr txBox="1"/>
      </xdr:nvSpPr>
      <xdr:spPr>
        <a:xfrm>
          <a:off x="1828800" y="6705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31064</xdr:rowOff>
    </xdr:from>
    <xdr:to>
      <xdr:col>6</xdr:col>
      <xdr:colOff>171450</xdr:colOff>
      <xdr:row>39</xdr:row>
      <xdr:rowOff>61214</xdr:rowOff>
    </xdr:to>
    <xdr:sp macro="" textlink="">
      <xdr:nvSpPr>
        <xdr:cNvPr id="91" name="楕円 90"/>
        <xdr:cNvSpPr/>
      </xdr:nvSpPr>
      <xdr:spPr>
        <a:xfrm>
          <a:off x="1270000" y="664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45991</xdr:rowOff>
    </xdr:from>
    <xdr:ext cx="762000" cy="259045"/>
    <xdr:sp macro="" textlink="">
      <xdr:nvSpPr>
        <xdr:cNvPr id="92" name="テキスト ボックス 91"/>
        <xdr:cNvSpPr txBox="1"/>
      </xdr:nvSpPr>
      <xdr:spPr>
        <a:xfrm>
          <a:off x="939800" y="6732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　類似団体平均値より高い割合となっているのは、町立公民館や寒川総合体育館の施設管理・運営について指定管理者制度を積極的に活用していることのほか、近年の物価高騰に伴う学校施設や庁舎等における光熱水費の増などが大きく影響していると考える。</a:t>
          </a:r>
          <a:endParaRPr lang="ja-JP" altLang="ja-JP" sz="1200">
            <a:effectLst/>
            <a:latin typeface="ＭＳ 明朝" panose="02020609040205080304" pitchFamily="17" charset="-128"/>
            <a:ea typeface="ＭＳ 明朝" panose="02020609040205080304" pitchFamily="17" charset="-128"/>
          </a:endParaRPr>
        </a:p>
        <a:p>
          <a:pPr eaLnBrk="1" fontAlgn="auto" latinLnBrk="0" hangingPunct="1"/>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　今後も人件費の抑制と合わせて状勢を踏まえつつ、</a:t>
          </a:r>
          <a:r>
            <a:rPr kumimoji="1" lang="ja-JP" altLang="en-US" sz="1200" b="0">
              <a:solidFill>
                <a:schemeClr val="dk1"/>
              </a:solidFill>
              <a:effectLst/>
              <a:latin typeface="ＭＳ 明朝" panose="02020609040205080304" pitchFamily="17" charset="-128"/>
              <a:ea typeface="ＭＳ 明朝" panose="02020609040205080304" pitchFamily="17" charset="-128"/>
              <a:cs typeface="+mn-cs"/>
            </a:rPr>
            <a:t>引き続き適正化に</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42</xdr:rowOff>
    </xdr:from>
    <xdr:to>
      <xdr:col>82</xdr:col>
      <xdr:colOff>107950</xdr:colOff>
      <xdr:row>21</xdr:row>
      <xdr:rowOff>161290</xdr:rowOff>
    </xdr:to>
    <xdr:cxnSp macro="">
      <xdr:nvCxnSpPr>
        <xdr:cNvPr id="118" name="直線コネクタ 117"/>
        <xdr:cNvCxnSpPr/>
      </xdr:nvCxnSpPr>
      <xdr:spPr>
        <a:xfrm flipV="1">
          <a:off x="16510000" y="2234692"/>
          <a:ext cx="0" cy="152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33367</xdr:rowOff>
    </xdr:from>
    <xdr:ext cx="762000" cy="259045"/>
    <xdr:sp macro="" textlink="">
      <xdr:nvSpPr>
        <xdr:cNvPr id="119" name="物件費最小値テキスト"/>
        <xdr:cNvSpPr txBox="1"/>
      </xdr:nvSpPr>
      <xdr:spPr>
        <a:xfrm>
          <a:off x="16598900" y="373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61290</xdr:rowOff>
    </xdr:from>
    <xdr:to>
      <xdr:col>82</xdr:col>
      <xdr:colOff>196850</xdr:colOff>
      <xdr:row>21</xdr:row>
      <xdr:rowOff>161290</xdr:rowOff>
    </xdr:to>
    <xdr:cxnSp macro="">
      <xdr:nvCxnSpPr>
        <xdr:cNvPr id="120" name="直線コネクタ 119"/>
        <xdr:cNvCxnSpPr/>
      </xdr:nvCxnSpPr>
      <xdr:spPr>
        <a:xfrm>
          <a:off x="16421100" y="3761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2219</xdr:rowOff>
    </xdr:from>
    <xdr:ext cx="762000" cy="259045"/>
    <xdr:sp macro="" textlink="">
      <xdr:nvSpPr>
        <xdr:cNvPr id="121" name="物件費最大値テキスト"/>
        <xdr:cNvSpPr txBox="1"/>
      </xdr:nvSpPr>
      <xdr:spPr>
        <a:xfrm>
          <a:off x="16598900" y="1978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42</xdr:rowOff>
    </xdr:from>
    <xdr:to>
      <xdr:col>82</xdr:col>
      <xdr:colOff>196850</xdr:colOff>
      <xdr:row>13</xdr:row>
      <xdr:rowOff>5842</xdr:rowOff>
    </xdr:to>
    <xdr:cxnSp macro="">
      <xdr:nvCxnSpPr>
        <xdr:cNvPr id="122" name="直線コネクタ 121"/>
        <xdr:cNvCxnSpPr/>
      </xdr:nvCxnSpPr>
      <xdr:spPr>
        <a:xfrm>
          <a:off x="16421100" y="2234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17856</xdr:rowOff>
    </xdr:from>
    <xdr:to>
      <xdr:col>82</xdr:col>
      <xdr:colOff>107950</xdr:colOff>
      <xdr:row>18</xdr:row>
      <xdr:rowOff>145288</xdr:rowOff>
    </xdr:to>
    <xdr:cxnSp macro="">
      <xdr:nvCxnSpPr>
        <xdr:cNvPr id="123" name="直線コネクタ 122"/>
        <xdr:cNvCxnSpPr/>
      </xdr:nvCxnSpPr>
      <xdr:spPr>
        <a:xfrm flipV="1">
          <a:off x="15671800" y="3203956"/>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3019</xdr:rowOff>
    </xdr:from>
    <xdr:ext cx="762000" cy="259045"/>
    <xdr:sp macro="" textlink="">
      <xdr:nvSpPr>
        <xdr:cNvPr id="124" name="物件費平均値テキスト"/>
        <xdr:cNvSpPr txBox="1"/>
      </xdr:nvSpPr>
      <xdr:spPr>
        <a:xfrm>
          <a:off x="16598900" y="2714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6492</xdr:rowOff>
    </xdr:from>
    <xdr:to>
      <xdr:col>82</xdr:col>
      <xdr:colOff>158750</xdr:colOff>
      <xdr:row>17</xdr:row>
      <xdr:rowOff>56642</xdr:rowOff>
    </xdr:to>
    <xdr:sp macro="" textlink="">
      <xdr:nvSpPr>
        <xdr:cNvPr id="125" name="フローチャート: 判断 124"/>
        <xdr:cNvSpPr/>
      </xdr:nvSpPr>
      <xdr:spPr>
        <a:xfrm>
          <a:off x="16459200" y="286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45288</xdr:rowOff>
    </xdr:from>
    <xdr:to>
      <xdr:col>78</xdr:col>
      <xdr:colOff>69850</xdr:colOff>
      <xdr:row>19</xdr:row>
      <xdr:rowOff>28702</xdr:rowOff>
    </xdr:to>
    <xdr:cxnSp macro="">
      <xdr:nvCxnSpPr>
        <xdr:cNvPr id="126" name="直線コネクタ 125"/>
        <xdr:cNvCxnSpPr/>
      </xdr:nvCxnSpPr>
      <xdr:spPr>
        <a:xfrm flipV="1">
          <a:off x="14782800" y="323138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764</xdr:rowOff>
    </xdr:from>
    <xdr:to>
      <xdr:col>78</xdr:col>
      <xdr:colOff>120650</xdr:colOff>
      <xdr:row>16</xdr:row>
      <xdr:rowOff>118364</xdr:rowOff>
    </xdr:to>
    <xdr:sp macro="" textlink="">
      <xdr:nvSpPr>
        <xdr:cNvPr id="127" name="フローチャート: 判断 126"/>
        <xdr:cNvSpPr/>
      </xdr:nvSpPr>
      <xdr:spPr>
        <a:xfrm>
          <a:off x="156210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28541</xdr:rowOff>
    </xdr:from>
    <xdr:ext cx="736600" cy="259045"/>
    <xdr:sp macro="" textlink="">
      <xdr:nvSpPr>
        <xdr:cNvPr id="128" name="テキスト ボックス 127"/>
        <xdr:cNvSpPr txBox="1"/>
      </xdr:nvSpPr>
      <xdr:spPr>
        <a:xfrm>
          <a:off x="15290800" y="25288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28702</xdr:rowOff>
    </xdr:from>
    <xdr:to>
      <xdr:col>73</xdr:col>
      <xdr:colOff>180975</xdr:colOff>
      <xdr:row>19</xdr:row>
      <xdr:rowOff>147574</xdr:rowOff>
    </xdr:to>
    <xdr:cxnSp macro="">
      <xdr:nvCxnSpPr>
        <xdr:cNvPr id="129" name="直線コネクタ 128"/>
        <xdr:cNvCxnSpPr/>
      </xdr:nvCxnSpPr>
      <xdr:spPr>
        <a:xfrm flipV="1">
          <a:off x="13893800" y="3286252"/>
          <a:ext cx="8890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80772</xdr:rowOff>
    </xdr:from>
    <xdr:to>
      <xdr:col>74</xdr:col>
      <xdr:colOff>31750</xdr:colOff>
      <xdr:row>17</xdr:row>
      <xdr:rowOff>10922</xdr:rowOff>
    </xdr:to>
    <xdr:sp macro="" textlink="">
      <xdr:nvSpPr>
        <xdr:cNvPr id="130" name="フローチャート: 判断 129"/>
        <xdr:cNvSpPr/>
      </xdr:nvSpPr>
      <xdr:spPr>
        <a:xfrm>
          <a:off x="14732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21099</xdr:rowOff>
    </xdr:from>
    <xdr:ext cx="762000" cy="259045"/>
    <xdr:sp macro="" textlink="">
      <xdr:nvSpPr>
        <xdr:cNvPr id="131" name="テキスト ボックス 130"/>
        <xdr:cNvSpPr txBox="1"/>
      </xdr:nvSpPr>
      <xdr:spPr>
        <a:xfrm>
          <a:off x="14401800" y="259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74422</xdr:rowOff>
    </xdr:from>
    <xdr:to>
      <xdr:col>69</xdr:col>
      <xdr:colOff>92075</xdr:colOff>
      <xdr:row>19</xdr:row>
      <xdr:rowOff>147574</xdr:rowOff>
    </xdr:to>
    <xdr:cxnSp macro="">
      <xdr:nvCxnSpPr>
        <xdr:cNvPr id="132" name="直線コネクタ 131"/>
        <xdr:cNvCxnSpPr/>
      </xdr:nvCxnSpPr>
      <xdr:spPr>
        <a:xfrm>
          <a:off x="13004800" y="3331972"/>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7338</xdr:rowOff>
    </xdr:from>
    <xdr:to>
      <xdr:col>69</xdr:col>
      <xdr:colOff>142875</xdr:colOff>
      <xdr:row>17</xdr:row>
      <xdr:rowOff>138938</xdr:rowOff>
    </xdr:to>
    <xdr:sp macro="" textlink="">
      <xdr:nvSpPr>
        <xdr:cNvPr id="133" name="フローチャート: 判断 132"/>
        <xdr:cNvSpPr/>
      </xdr:nvSpPr>
      <xdr:spPr>
        <a:xfrm>
          <a:off x="13843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49115</xdr:rowOff>
    </xdr:from>
    <xdr:ext cx="762000" cy="259045"/>
    <xdr:sp macro="" textlink="">
      <xdr:nvSpPr>
        <xdr:cNvPr id="134" name="テキスト ボックス 133"/>
        <xdr:cNvSpPr txBox="1"/>
      </xdr:nvSpPr>
      <xdr:spPr>
        <a:xfrm>
          <a:off x="13512800" y="2720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3068</xdr:rowOff>
    </xdr:from>
    <xdr:to>
      <xdr:col>65</xdr:col>
      <xdr:colOff>53975</xdr:colOff>
      <xdr:row>17</xdr:row>
      <xdr:rowOff>93218</xdr:rowOff>
    </xdr:to>
    <xdr:sp macro="" textlink="">
      <xdr:nvSpPr>
        <xdr:cNvPr id="135" name="フローチャート: 判断 134"/>
        <xdr:cNvSpPr/>
      </xdr:nvSpPr>
      <xdr:spPr>
        <a:xfrm>
          <a:off x="12954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3395</xdr:rowOff>
    </xdr:from>
    <xdr:ext cx="762000" cy="259045"/>
    <xdr:sp macro="" textlink="">
      <xdr:nvSpPr>
        <xdr:cNvPr id="136" name="テキスト ボックス 135"/>
        <xdr:cNvSpPr txBox="1"/>
      </xdr:nvSpPr>
      <xdr:spPr>
        <a:xfrm>
          <a:off x="12623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67056</xdr:rowOff>
    </xdr:from>
    <xdr:to>
      <xdr:col>82</xdr:col>
      <xdr:colOff>158750</xdr:colOff>
      <xdr:row>18</xdr:row>
      <xdr:rowOff>168656</xdr:rowOff>
    </xdr:to>
    <xdr:sp macro="" textlink="">
      <xdr:nvSpPr>
        <xdr:cNvPr id="142" name="楕円 141"/>
        <xdr:cNvSpPr/>
      </xdr:nvSpPr>
      <xdr:spPr>
        <a:xfrm>
          <a:off x="16459200" y="315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39133</xdr:rowOff>
    </xdr:from>
    <xdr:ext cx="762000" cy="259045"/>
    <xdr:sp macro="" textlink="">
      <xdr:nvSpPr>
        <xdr:cNvPr id="143" name="物件費該当値テキスト"/>
        <xdr:cNvSpPr txBox="1"/>
      </xdr:nvSpPr>
      <xdr:spPr>
        <a:xfrm>
          <a:off x="16598900" y="3125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94488</xdr:rowOff>
    </xdr:from>
    <xdr:to>
      <xdr:col>78</xdr:col>
      <xdr:colOff>120650</xdr:colOff>
      <xdr:row>19</xdr:row>
      <xdr:rowOff>24638</xdr:rowOff>
    </xdr:to>
    <xdr:sp macro="" textlink="">
      <xdr:nvSpPr>
        <xdr:cNvPr id="144" name="楕円 143"/>
        <xdr:cNvSpPr/>
      </xdr:nvSpPr>
      <xdr:spPr>
        <a:xfrm>
          <a:off x="15621000" y="3180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9415</xdr:rowOff>
    </xdr:from>
    <xdr:ext cx="736600" cy="259045"/>
    <xdr:sp macro="" textlink="">
      <xdr:nvSpPr>
        <xdr:cNvPr id="145" name="テキスト ボックス 144"/>
        <xdr:cNvSpPr txBox="1"/>
      </xdr:nvSpPr>
      <xdr:spPr>
        <a:xfrm>
          <a:off x="15290800" y="32669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49352</xdr:rowOff>
    </xdr:from>
    <xdr:to>
      <xdr:col>74</xdr:col>
      <xdr:colOff>31750</xdr:colOff>
      <xdr:row>19</xdr:row>
      <xdr:rowOff>79502</xdr:rowOff>
    </xdr:to>
    <xdr:sp macro="" textlink="">
      <xdr:nvSpPr>
        <xdr:cNvPr id="146" name="楕円 145"/>
        <xdr:cNvSpPr/>
      </xdr:nvSpPr>
      <xdr:spPr>
        <a:xfrm>
          <a:off x="14732000" y="3235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64279</xdr:rowOff>
    </xdr:from>
    <xdr:ext cx="762000" cy="259045"/>
    <xdr:sp macro="" textlink="">
      <xdr:nvSpPr>
        <xdr:cNvPr id="147" name="テキスト ボックス 146"/>
        <xdr:cNvSpPr txBox="1"/>
      </xdr:nvSpPr>
      <xdr:spPr>
        <a:xfrm>
          <a:off x="14401800" y="332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96774</xdr:rowOff>
    </xdr:from>
    <xdr:to>
      <xdr:col>69</xdr:col>
      <xdr:colOff>142875</xdr:colOff>
      <xdr:row>20</xdr:row>
      <xdr:rowOff>26924</xdr:rowOff>
    </xdr:to>
    <xdr:sp macro="" textlink="">
      <xdr:nvSpPr>
        <xdr:cNvPr id="148" name="楕円 147"/>
        <xdr:cNvSpPr/>
      </xdr:nvSpPr>
      <xdr:spPr>
        <a:xfrm>
          <a:off x="13843000" y="3354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11701</xdr:rowOff>
    </xdr:from>
    <xdr:ext cx="762000" cy="259045"/>
    <xdr:sp macro="" textlink="">
      <xdr:nvSpPr>
        <xdr:cNvPr id="149" name="テキスト ボックス 148"/>
        <xdr:cNvSpPr txBox="1"/>
      </xdr:nvSpPr>
      <xdr:spPr>
        <a:xfrm>
          <a:off x="13512800" y="3440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23622</xdr:rowOff>
    </xdr:from>
    <xdr:to>
      <xdr:col>65</xdr:col>
      <xdr:colOff>53975</xdr:colOff>
      <xdr:row>19</xdr:row>
      <xdr:rowOff>125222</xdr:rowOff>
    </xdr:to>
    <xdr:sp macro="" textlink="">
      <xdr:nvSpPr>
        <xdr:cNvPr id="150" name="楕円 149"/>
        <xdr:cNvSpPr/>
      </xdr:nvSpPr>
      <xdr:spPr>
        <a:xfrm>
          <a:off x="12954000" y="3281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09999</xdr:rowOff>
    </xdr:from>
    <xdr:ext cx="762000" cy="259045"/>
    <xdr:sp macro="" textlink="">
      <xdr:nvSpPr>
        <xdr:cNvPr id="151" name="テキスト ボックス 150"/>
        <xdr:cNvSpPr txBox="1"/>
      </xdr:nvSpPr>
      <xdr:spPr>
        <a:xfrm>
          <a:off x="12623800" y="336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200" b="0" i="0" baseline="0">
              <a:solidFill>
                <a:schemeClr val="tx1"/>
              </a:solidFill>
              <a:effectLst/>
              <a:latin typeface="ＭＳ 明朝" panose="02020609040205080304" pitchFamily="17" charset="-128"/>
              <a:ea typeface="ＭＳ 明朝" panose="02020609040205080304" pitchFamily="17" charset="-128"/>
              <a:cs typeface="+mn-cs"/>
            </a:rPr>
            <a:t>　</a:t>
          </a:r>
          <a:r>
            <a:rPr lang="ja-JP" altLang="en-US" sz="1200" b="0" i="0" u="none" strike="noStrike" baseline="0" smtClean="0">
              <a:solidFill>
                <a:schemeClr val="tx1"/>
              </a:solidFill>
              <a:latin typeface="ＭＳ 明朝" panose="02020609040205080304" pitchFamily="17" charset="-128"/>
              <a:ea typeface="ＭＳ 明朝" panose="02020609040205080304" pitchFamily="17" charset="-128"/>
              <a:cs typeface="+mn-cs"/>
            </a:rPr>
            <a:t>児童数の減少等に伴い児童手当扶助料の</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減などにより、全体として前年度より</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1.2</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ポイント減となった。</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　令和</a:t>
          </a:r>
          <a:r>
            <a:rPr kumimoji="1" lang="en-US" altLang="ja-JP" sz="1200" b="0">
              <a:solidFill>
                <a:schemeClr val="dk1"/>
              </a:solidFill>
              <a:effectLst/>
              <a:latin typeface="ＭＳ 明朝" panose="02020609040205080304" pitchFamily="17" charset="-128"/>
              <a:ea typeface="ＭＳ 明朝" panose="02020609040205080304" pitchFamily="17" charset="-128"/>
              <a:cs typeface="+mn-cs"/>
            </a:rPr>
            <a:t>4</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年度は前年度比で減少したものの、今後も扶助費の伸びが財政を圧迫する可能性があるため、引き続き適正化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4215</xdr:rowOff>
    </xdr:from>
    <xdr:to>
      <xdr:col>24</xdr:col>
      <xdr:colOff>25400</xdr:colOff>
      <xdr:row>60</xdr:row>
      <xdr:rowOff>143328</xdr:rowOff>
    </xdr:to>
    <xdr:cxnSp macro="">
      <xdr:nvCxnSpPr>
        <xdr:cNvPr id="181" name="直線コネクタ 180"/>
        <xdr:cNvCxnSpPr/>
      </xdr:nvCxnSpPr>
      <xdr:spPr>
        <a:xfrm flipV="1">
          <a:off x="4826000" y="9069615"/>
          <a:ext cx="0" cy="13607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405</xdr:rowOff>
    </xdr:from>
    <xdr:ext cx="762000" cy="259045"/>
    <xdr:sp macro="" textlink="">
      <xdr:nvSpPr>
        <xdr:cNvPr id="182" name="扶助費最小値テキスト"/>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3328</xdr:rowOff>
    </xdr:from>
    <xdr:to>
      <xdr:col>24</xdr:col>
      <xdr:colOff>114300</xdr:colOff>
      <xdr:row>60</xdr:row>
      <xdr:rowOff>143328</xdr:rowOff>
    </xdr:to>
    <xdr:cxnSp macro="">
      <xdr:nvCxnSpPr>
        <xdr:cNvPr id="183" name="直線コネクタ 182"/>
        <xdr:cNvCxnSpPr/>
      </xdr:nvCxnSpPr>
      <xdr:spPr>
        <a:xfrm>
          <a:off x="4737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9142</xdr:rowOff>
    </xdr:from>
    <xdr:ext cx="762000" cy="259045"/>
    <xdr:sp macro="" textlink="">
      <xdr:nvSpPr>
        <xdr:cNvPr id="184" name="扶助費最大値テキスト"/>
        <xdr:cNvSpPr txBox="1"/>
      </xdr:nvSpPr>
      <xdr:spPr>
        <a:xfrm>
          <a:off x="4914900" y="881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4215</xdr:rowOff>
    </xdr:from>
    <xdr:to>
      <xdr:col>24</xdr:col>
      <xdr:colOff>114300</xdr:colOff>
      <xdr:row>52</xdr:row>
      <xdr:rowOff>154215</xdr:rowOff>
    </xdr:to>
    <xdr:cxnSp macro="">
      <xdr:nvCxnSpPr>
        <xdr:cNvPr id="185" name="直線コネクタ 184"/>
        <xdr:cNvCxnSpPr/>
      </xdr:nvCxnSpPr>
      <xdr:spPr>
        <a:xfrm>
          <a:off x="4737100" y="9069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26307</xdr:rowOff>
    </xdr:from>
    <xdr:to>
      <xdr:col>24</xdr:col>
      <xdr:colOff>25400</xdr:colOff>
      <xdr:row>57</xdr:row>
      <xdr:rowOff>156935</xdr:rowOff>
    </xdr:to>
    <xdr:cxnSp macro="">
      <xdr:nvCxnSpPr>
        <xdr:cNvPr id="186" name="直線コネクタ 185"/>
        <xdr:cNvCxnSpPr/>
      </xdr:nvCxnSpPr>
      <xdr:spPr>
        <a:xfrm flipV="1">
          <a:off x="3987800" y="9798957"/>
          <a:ext cx="8382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76399</xdr:rowOff>
    </xdr:from>
    <xdr:ext cx="762000" cy="259045"/>
    <xdr:sp macro="" textlink="">
      <xdr:nvSpPr>
        <xdr:cNvPr id="187" name="扶助費平均値テキスト"/>
        <xdr:cNvSpPr txBox="1"/>
      </xdr:nvSpPr>
      <xdr:spPr>
        <a:xfrm>
          <a:off x="4914900" y="9506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91622</xdr:rowOff>
    </xdr:from>
    <xdr:to>
      <xdr:col>19</xdr:col>
      <xdr:colOff>187325</xdr:colOff>
      <xdr:row>57</xdr:row>
      <xdr:rowOff>156935</xdr:rowOff>
    </xdr:to>
    <xdr:cxnSp macro="">
      <xdr:nvCxnSpPr>
        <xdr:cNvPr id="189" name="直線コネクタ 188"/>
        <xdr:cNvCxnSpPr/>
      </xdr:nvCxnSpPr>
      <xdr:spPr>
        <a:xfrm>
          <a:off x="3098800" y="9864272"/>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0" name="フローチャート: 判断 189"/>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17220</xdr:rowOff>
    </xdr:from>
    <xdr:ext cx="736600" cy="259045"/>
    <xdr:sp macro="" textlink="">
      <xdr:nvSpPr>
        <xdr:cNvPr id="191" name="テキスト ボックス 190"/>
        <xdr:cNvSpPr txBox="1"/>
      </xdr:nvSpPr>
      <xdr:spPr>
        <a:xfrm>
          <a:off x="3606800" y="93755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91622</xdr:rowOff>
    </xdr:from>
    <xdr:to>
      <xdr:col>15</xdr:col>
      <xdr:colOff>98425</xdr:colOff>
      <xdr:row>57</xdr:row>
      <xdr:rowOff>102507</xdr:rowOff>
    </xdr:to>
    <xdr:cxnSp macro="">
      <xdr:nvCxnSpPr>
        <xdr:cNvPr id="192" name="直線コネクタ 191"/>
        <xdr:cNvCxnSpPr/>
      </xdr:nvCxnSpPr>
      <xdr:spPr>
        <a:xfrm flipV="1">
          <a:off x="2209800" y="9864272"/>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99</xdr:rowOff>
    </xdr:from>
    <xdr:ext cx="762000" cy="259045"/>
    <xdr:sp macro="" textlink="">
      <xdr:nvSpPr>
        <xdr:cNvPr id="194" name="テキスト ボックス 193"/>
        <xdr:cNvSpPr txBox="1"/>
      </xdr:nvSpPr>
      <xdr:spPr>
        <a:xfrm>
          <a:off x="2717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80735</xdr:rowOff>
    </xdr:from>
    <xdr:to>
      <xdr:col>11</xdr:col>
      <xdr:colOff>9525</xdr:colOff>
      <xdr:row>57</xdr:row>
      <xdr:rowOff>102507</xdr:rowOff>
    </xdr:to>
    <xdr:cxnSp macro="">
      <xdr:nvCxnSpPr>
        <xdr:cNvPr id="195" name="直線コネクタ 194"/>
        <xdr:cNvCxnSpPr/>
      </xdr:nvCxnSpPr>
      <xdr:spPr>
        <a:xfrm>
          <a:off x="1320800" y="98533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03415</xdr:rowOff>
    </xdr:from>
    <xdr:to>
      <xdr:col>11</xdr:col>
      <xdr:colOff>60325</xdr:colOff>
      <xdr:row>57</xdr:row>
      <xdr:rowOff>33565</xdr:rowOff>
    </xdr:to>
    <xdr:sp macro="" textlink="">
      <xdr:nvSpPr>
        <xdr:cNvPr id="196" name="フローチャート: 判断 195"/>
        <xdr:cNvSpPr/>
      </xdr:nvSpPr>
      <xdr:spPr>
        <a:xfrm>
          <a:off x="2159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43742</xdr:rowOff>
    </xdr:from>
    <xdr:ext cx="762000" cy="259045"/>
    <xdr:sp macro="" textlink="">
      <xdr:nvSpPr>
        <xdr:cNvPr id="197" name="テキスト ボックス 196"/>
        <xdr:cNvSpPr txBox="1"/>
      </xdr:nvSpPr>
      <xdr:spPr>
        <a:xfrm>
          <a:off x="1828800" y="9473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9872</xdr:rowOff>
    </xdr:from>
    <xdr:to>
      <xdr:col>6</xdr:col>
      <xdr:colOff>171450</xdr:colOff>
      <xdr:row>56</xdr:row>
      <xdr:rowOff>161472</xdr:rowOff>
    </xdr:to>
    <xdr:sp macro="" textlink="">
      <xdr:nvSpPr>
        <xdr:cNvPr id="198" name="フローチャート: 判断 197"/>
        <xdr:cNvSpPr/>
      </xdr:nvSpPr>
      <xdr:spPr>
        <a:xfrm>
          <a:off x="1270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99</xdr:rowOff>
    </xdr:from>
    <xdr:ext cx="762000" cy="259045"/>
    <xdr:sp macro="" textlink="">
      <xdr:nvSpPr>
        <xdr:cNvPr id="199" name="テキスト ボックス 198"/>
        <xdr:cNvSpPr txBox="1"/>
      </xdr:nvSpPr>
      <xdr:spPr>
        <a:xfrm>
          <a:off x="939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46957</xdr:rowOff>
    </xdr:from>
    <xdr:to>
      <xdr:col>24</xdr:col>
      <xdr:colOff>76200</xdr:colOff>
      <xdr:row>57</xdr:row>
      <xdr:rowOff>77107</xdr:rowOff>
    </xdr:to>
    <xdr:sp macro="" textlink="">
      <xdr:nvSpPr>
        <xdr:cNvPr id="205" name="楕円 204"/>
        <xdr:cNvSpPr/>
      </xdr:nvSpPr>
      <xdr:spPr>
        <a:xfrm>
          <a:off x="4775200" y="97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19034</xdr:rowOff>
    </xdr:from>
    <xdr:ext cx="762000" cy="259045"/>
    <xdr:sp macro="" textlink="">
      <xdr:nvSpPr>
        <xdr:cNvPr id="206" name="扶助費該当値テキスト"/>
        <xdr:cNvSpPr txBox="1"/>
      </xdr:nvSpPr>
      <xdr:spPr>
        <a:xfrm>
          <a:off x="4914900" y="972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06135</xdr:rowOff>
    </xdr:from>
    <xdr:to>
      <xdr:col>20</xdr:col>
      <xdr:colOff>38100</xdr:colOff>
      <xdr:row>58</xdr:row>
      <xdr:rowOff>36285</xdr:rowOff>
    </xdr:to>
    <xdr:sp macro="" textlink="">
      <xdr:nvSpPr>
        <xdr:cNvPr id="207" name="楕円 206"/>
        <xdr:cNvSpPr/>
      </xdr:nvSpPr>
      <xdr:spPr>
        <a:xfrm>
          <a:off x="3937000" y="9878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21062</xdr:rowOff>
    </xdr:from>
    <xdr:ext cx="736600" cy="259045"/>
    <xdr:sp macro="" textlink="">
      <xdr:nvSpPr>
        <xdr:cNvPr id="208" name="テキスト ボックス 207"/>
        <xdr:cNvSpPr txBox="1"/>
      </xdr:nvSpPr>
      <xdr:spPr>
        <a:xfrm>
          <a:off x="3606800" y="9965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40822</xdr:rowOff>
    </xdr:from>
    <xdr:to>
      <xdr:col>15</xdr:col>
      <xdr:colOff>149225</xdr:colOff>
      <xdr:row>57</xdr:row>
      <xdr:rowOff>142422</xdr:rowOff>
    </xdr:to>
    <xdr:sp macro="" textlink="">
      <xdr:nvSpPr>
        <xdr:cNvPr id="209" name="楕円 208"/>
        <xdr:cNvSpPr/>
      </xdr:nvSpPr>
      <xdr:spPr>
        <a:xfrm>
          <a:off x="3048000" y="981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27199</xdr:rowOff>
    </xdr:from>
    <xdr:ext cx="762000" cy="259045"/>
    <xdr:sp macro="" textlink="">
      <xdr:nvSpPr>
        <xdr:cNvPr id="210" name="テキスト ボックス 209"/>
        <xdr:cNvSpPr txBox="1"/>
      </xdr:nvSpPr>
      <xdr:spPr>
        <a:xfrm>
          <a:off x="2717800" y="989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51707</xdr:rowOff>
    </xdr:from>
    <xdr:to>
      <xdr:col>11</xdr:col>
      <xdr:colOff>60325</xdr:colOff>
      <xdr:row>57</xdr:row>
      <xdr:rowOff>153307</xdr:rowOff>
    </xdr:to>
    <xdr:sp macro="" textlink="">
      <xdr:nvSpPr>
        <xdr:cNvPr id="211" name="楕円 210"/>
        <xdr:cNvSpPr/>
      </xdr:nvSpPr>
      <xdr:spPr>
        <a:xfrm>
          <a:off x="2159000" y="982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38084</xdr:rowOff>
    </xdr:from>
    <xdr:ext cx="762000" cy="259045"/>
    <xdr:sp macro="" textlink="">
      <xdr:nvSpPr>
        <xdr:cNvPr id="212" name="テキスト ボックス 211"/>
        <xdr:cNvSpPr txBox="1"/>
      </xdr:nvSpPr>
      <xdr:spPr>
        <a:xfrm>
          <a:off x="1828800" y="9910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29935</xdr:rowOff>
    </xdr:from>
    <xdr:to>
      <xdr:col>6</xdr:col>
      <xdr:colOff>171450</xdr:colOff>
      <xdr:row>57</xdr:row>
      <xdr:rowOff>131535</xdr:rowOff>
    </xdr:to>
    <xdr:sp macro="" textlink="">
      <xdr:nvSpPr>
        <xdr:cNvPr id="213" name="楕円 212"/>
        <xdr:cNvSpPr/>
      </xdr:nvSpPr>
      <xdr:spPr>
        <a:xfrm>
          <a:off x="1270000" y="9802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16312</xdr:rowOff>
    </xdr:from>
    <xdr:ext cx="762000" cy="259045"/>
    <xdr:sp macro="" textlink="">
      <xdr:nvSpPr>
        <xdr:cNvPr id="214" name="テキスト ボックス 213"/>
        <xdr:cNvSpPr txBox="1"/>
      </xdr:nvSpPr>
      <xdr:spPr>
        <a:xfrm>
          <a:off x="939800" y="9888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維持補修費は、各施設等の老朽化が進行しているものの、近年は施設利用等に影響のない範囲で、必要最低限の修繕にとどめてい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平成</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7</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以降は、類似団体比較で適正水準を確保しているが、今後、公共施設の老朽化による維持補修費の増加や、高齢化の進行等により、社会保障制度である各特別会計への繰出金が増加するものと予想され、引き続き適正範囲内での財政運営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6935</xdr:rowOff>
    </xdr:from>
    <xdr:to>
      <xdr:col>82</xdr:col>
      <xdr:colOff>107950</xdr:colOff>
      <xdr:row>62</xdr:row>
      <xdr:rowOff>94343</xdr:rowOff>
    </xdr:to>
    <xdr:cxnSp macro="">
      <xdr:nvCxnSpPr>
        <xdr:cNvPr id="244" name="直線コネクタ 243"/>
        <xdr:cNvCxnSpPr/>
      </xdr:nvCxnSpPr>
      <xdr:spPr>
        <a:xfrm flipV="1">
          <a:off x="16510000" y="9243785"/>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66420</xdr:rowOff>
    </xdr:from>
    <xdr:ext cx="762000" cy="259045"/>
    <xdr:sp macro="" textlink="">
      <xdr:nvSpPr>
        <xdr:cNvPr id="245" name="その他最小値テキスト"/>
        <xdr:cNvSpPr txBox="1"/>
      </xdr:nvSpPr>
      <xdr:spPr>
        <a:xfrm>
          <a:off x="16598900" y="10696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94343</xdr:rowOff>
    </xdr:from>
    <xdr:to>
      <xdr:col>82</xdr:col>
      <xdr:colOff>196850</xdr:colOff>
      <xdr:row>62</xdr:row>
      <xdr:rowOff>94343</xdr:rowOff>
    </xdr:to>
    <xdr:cxnSp macro="">
      <xdr:nvCxnSpPr>
        <xdr:cNvPr id="246" name="直線コネクタ 245"/>
        <xdr:cNvCxnSpPr/>
      </xdr:nvCxnSpPr>
      <xdr:spPr>
        <a:xfrm>
          <a:off x="16421100" y="1072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71862</xdr:rowOff>
    </xdr:from>
    <xdr:ext cx="762000" cy="259045"/>
    <xdr:sp macro="" textlink="">
      <xdr:nvSpPr>
        <xdr:cNvPr id="247" name="その他最大値テキスト"/>
        <xdr:cNvSpPr txBox="1"/>
      </xdr:nvSpPr>
      <xdr:spPr>
        <a:xfrm>
          <a:off x="16598900" y="8987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6935</xdr:rowOff>
    </xdr:from>
    <xdr:to>
      <xdr:col>82</xdr:col>
      <xdr:colOff>196850</xdr:colOff>
      <xdr:row>53</xdr:row>
      <xdr:rowOff>156935</xdr:rowOff>
    </xdr:to>
    <xdr:cxnSp macro="">
      <xdr:nvCxnSpPr>
        <xdr:cNvPr id="248" name="直線コネクタ 247"/>
        <xdr:cNvCxnSpPr/>
      </xdr:nvCxnSpPr>
      <xdr:spPr>
        <a:xfrm>
          <a:off x="16421100" y="9243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815</xdr:rowOff>
    </xdr:from>
    <xdr:to>
      <xdr:col>82</xdr:col>
      <xdr:colOff>107950</xdr:colOff>
      <xdr:row>56</xdr:row>
      <xdr:rowOff>34472</xdr:rowOff>
    </xdr:to>
    <xdr:cxnSp macro="">
      <xdr:nvCxnSpPr>
        <xdr:cNvPr id="249" name="直線コネクタ 248"/>
        <xdr:cNvCxnSpPr/>
      </xdr:nvCxnSpPr>
      <xdr:spPr>
        <a:xfrm>
          <a:off x="15671800" y="9603015"/>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7262</xdr:rowOff>
    </xdr:from>
    <xdr:ext cx="762000" cy="259045"/>
    <xdr:sp macro="" textlink="">
      <xdr:nvSpPr>
        <xdr:cNvPr id="250" name="その他平均値テキスト"/>
        <xdr:cNvSpPr txBox="1"/>
      </xdr:nvSpPr>
      <xdr:spPr>
        <a:xfrm>
          <a:off x="16598900" y="9698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25185</xdr:rowOff>
    </xdr:from>
    <xdr:to>
      <xdr:col>82</xdr:col>
      <xdr:colOff>158750</xdr:colOff>
      <xdr:row>57</xdr:row>
      <xdr:rowOff>55335</xdr:rowOff>
    </xdr:to>
    <xdr:sp macro="" textlink="">
      <xdr:nvSpPr>
        <xdr:cNvPr id="251" name="フローチャート: 判断 250"/>
        <xdr:cNvSpPr/>
      </xdr:nvSpPr>
      <xdr:spPr>
        <a:xfrm>
          <a:off x="16459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815</xdr:rowOff>
    </xdr:from>
    <xdr:to>
      <xdr:col>78</xdr:col>
      <xdr:colOff>69850</xdr:colOff>
      <xdr:row>56</xdr:row>
      <xdr:rowOff>121557</xdr:rowOff>
    </xdr:to>
    <xdr:cxnSp macro="">
      <xdr:nvCxnSpPr>
        <xdr:cNvPr id="252" name="直線コネクタ 251"/>
        <xdr:cNvCxnSpPr/>
      </xdr:nvCxnSpPr>
      <xdr:spPr>
        <a:xfrm flipV="1">
          <a:off x="14782800" y="9603015"/>
          <a:ext cx="889000" cy="11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9872</xdr:rowOff>
    </xdr:from>
    <xdr:to>
      <xdr:col>78</xdr:col>
      <xdr:colOff>120650</xdr:colOff>
      <xdr:row>56</xdr:row>
      <xdr:rowOff>161472</xdr:rowOff>
    </xdr:to>
    <xdr:sp macro="" textlink="">
      <xdr:nvSpPr>
        <xdr:cNvPr id="253" name="フローチャート: 判断 252"/>
        <xdr:cNvSpPr/>
      </xdr:nvSpPr>
      <xdr:spPr>
        <a:xfrm>
          <a:off x="15621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46249</xdr:rowOff>
    </xdr:from>
    <xdr:ext cx="736600" cy="259045"/>
    <xdr:sp macro="" textlink="">
      <xdr:nvSpPr>
        <xdr:cNvPr id="254" name="テキスト ボックス 253"/>
        <xdr:cNvSpPr txBox="1"/>
      </xdr:nvSpPr>
      <xdr:spPr>
        <a:xfrm>
          <a:off x="15290800" y="9747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21557</xdr:rowOff>
    </xdr:from>
    <xdr:to>
      <xdr:col>73</xdr:col>
      <xdr:colOff>180975</xdr:colOff>
      <xdr:row>56</xdr:row>
      <xdr:rowOff>143328</xdr:rowOff>
    </xdr:to>
    <xdr:cxnSp macro="">
      <xdr:nvCxnSpPr>
        <xdr:cNvPr id="255" name="直線コネクタ 254"/>
        <xdr:cNvCxnSpPr/>
      </xdr:nvCxnSpPr>
      <xdr:spPr>
        <a:xfrm flipV="1">
          <a:off x="13893800" y="9722757"/>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4542</xdr:rowOff>
    </xdr:from>
    <xdr:ext cx="762000" cy="259045"/>
    <xdr:sp macro="" textlink="">
      <xdr:nvSpPr>
        <xdr:cNvPr id="257" name="テキスト ボックス 256"/>
        <xdr:cNvSpPr txBox="1"/>
      </xdr:nvSpPr>
      <xdr:spPr>
        <a:xfrm>
          <a:off x="14401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78015</xdr:rowOff>
    </xdr:from>
    <xdr:to>
      <xdr:col>69</xdr:col>
      <xdr:colOff>92075</xdr:colOff>
      <xdr:row>56</xdr:row>
      <xdr:rowOff>143328</xdr:rowOff>
    </xdr:to>
    <xdr:cxnSp macro="">
      <xdr:nvCxnSpPr>
        <xdr:cNvPr id="258" name="直線コネクタ 257"/>
        <xdr:cNvCxnSpPr/>
      </xdr:nvCxnSpPr>
      <xdr:spPr>
        <a:xfrm>
          <a:off x="13004800" y="96792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62593</xdr:rowOff>
    </xdr:from>
    <xdr:to>
      <xdr:col>69</xdr:col>
      <xdr:colOff>142875</xdr:colOff>
      <xdr:row>57</xdr:row>
      <xdr:rowOff>164193</xdr:rowOff>
    </xdr:to>
    <xdr:sp macro="" textlink="">
      <xdr:nvSpPr>
        <xdr:cNvPr id="259" name="フローチャート: 判断 258"/>
        <xdr:cNvSpPr/>
      </xdr:nvSpPr>
      <xdr:spPr>
        <a:xfrm>
          <a:off x="13843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48970</xdr:rowOff>
    </xdr:from>
    <xdr:ext cx="762000" cy="259045"/>
    <xdr:sp macro="" textlink="">
      <xdr:nvSpPr>
        <xdr:cNvPr id="260" name="テキスト ボックス 259"/>
        <xdr:cNvSpPr txBox="1"/>
      </xdr:nvSpPr>
      <xdr:spPr>
        <a:xfrm>
          <a:off x="13512800" y="9921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7907</xdr:rowOff>
    </xdr:from>
    <xdr:to>
      <xdr:col>65</xdr:col>
      <xdr:colOff>53975</xdr:colOff>
      <xdr:row>58</xdr:row>
      <xdr:rowOff>58057</xdr:rowOff>
    </xdr:to>
    <xdr:sp macro="" textlink="">
      <xdr:nvSpPr>
        <xdr:cNvPr id="261" name="フローチャート: 判断 260"/>
        <xdr:cNvSpPr/>
      </xdr:nvSpPr>
      <xdr:spPr>
        <a:xfrm>
          <a:off x="12954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42834</xdr:rowOff>
    </xdr:from>
    <xdr:ext cx="762000" cy="259045"/>
    <xdr:sp macro="" textlink="">
      <xdr:nvSpPr>
        <xdr:cNvPr id="262" name="テキスト ボックス 261"/>
        <xdr:cNvSpPr txBox="1"/>
      </xdr:nvSpPr>
      <xdr:spPr>
        <a:xfrm>
          <a:off x="12623800" y="998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55122</xdr:rowOff>
    </xdr:from>
    <xdr:to>
      <xdr:col>82</xdr:col>
      <xdr:colOff>158750</xdr:colOff>
      <xdr:row>56</xdr:row>
      <xdr:rowOff>85272</xdr:rowOff>
    </xdr:to>
    <xdr:sp macro="" textlink="">
      <xdr:nvSpPr>
        <xdr:cNvPr id="268" name="楕円 267"/>
        <xdr:cNvSpPr/>
      </xdr:nvSpPr>
      <xdr:spPr>
        <a:xfrm>
          <a:off x="16459200" y="958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99</xdr:rowOff>
    </xdr:from>
    <xdr:ext cx="762000" cy="259045"/>
    <xdr:sp macro="" textlink="">
      <xdr:nvSpPr>
        <xdr:cNvPr id="269" name="その他該当値テキスト"/>
        <xdr:cNvSpPr txBox="1"/>
      </xdr:nvSpPr>
      <xdr:spPr>
        <a:xfrm>
          <a:off x="165989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22465</xdr:rowOff>
    </xdr:from>
    <xdr:to>
      <xdr:col>78</xdr:col>
      <xdr:colOff>120650</xdr:colOff>
      <xdr:row>56</xdr:row>
      <xdr:rowOff>52615</xdr:rowOff>
    </xdr:to>
    <xdr:sp macro="" textlink="">
      <xdr:nvSpPr>
        <xdr:cNvPr id="270" name="楕円 269"/>
        <xdr:cNvSpPr/>
      </xdr:nvSpPr>
      <xdr:spPr>
        <a:xfrm>
          <a:off x="15621000" y="955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62792</xdr:rowOff>
    </xdr:from>
    <xdr:ext cx="736600" cy="259045"/>
    <xdr:sp macro="" textlink="">
      <xdr:nvSpPr>
        <xdr:cNvPr id="271" name="テキスト ボックス 270"/>
        <xdr:cNvSpPr txBox="1"/>
      </xdr:nvSpPr>
      <xdr:spPr>
        <a:xfrm>
          <a:off x="15290800" y="93210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70757</xdr:rowOff>
    </xdr:from>
    <xdr:to>
      <xdr:col>74</xdr:col>
      <xdr:colOff>31750</xdr:colOff>
      <xdr:row>57</xdr:row>
      <xdr:rowOff>907</xdr:rowOff>
    </xdr:to>
    <xdr:sp macro="" textlink="">
      <xdr:nvSpPr>
        <xdr:cNvPr id="272" name="楕円 271"/>
        <xdr:cNvSpPr/>
      </xdr:nvSpPr>
      <xdr:spPr>
        <a:xfrm>
          <a:off x="14732000" y="967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084</xdr:rowOff>
    </xdr:from>
    <xdr:ext cx="762000" cy="259045"/>
    <xdr:sp macro="" textlink="">
      <xdr:nvSpPr>
        <xdr:cNvPr id="273" name="テキスト ボックス 272"/>
        <xdr:cNvSpPr txBox="1"/>
      </xdr:nvSpPr>
      <xdr:spPr>
        <a:xfrm>
          <a:off x="14401800" y="944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92528</xdr:rowOff>
    </xdr:from>
    <xdr:to>
      <xdr:col>69</xdr:col>
      <xdr:colOff>142875</xdr:colOff>
      <xdr:row>57</xdr:row>
      <xdr:rowOff>22678</xdr:rowOff>
    </xdr:to>
    <xdr:sp macro="" textlink="">
      <xdr:nvSpPr>
        <xdr:cNvPr id="274" name="楕円 273"/>
        <xdr:cNvSpPr/>
      </xdr:nvSpPr>
      <xdr:spPr>
        <a:xfrm>
          <a:off x="138430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32855</xdr:rowOff>
    </xdr:from>
    <xdr:ext cx="762000" cy="259045"/>
    <xdr:sp macro="" textlink="">
      <xdr:nvSpPr>
        <xdr:cNvPr id="275" name="テキスト ボックス 274"/>
        <xdr:cNvSpPr txBox="1"/>
      </xdr:nvSpPr>
      <xdr:spPr>
        <a:xfrm>
          <a:off x="13512800" y="946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27215</xdr:rowOff>
    </xdr:from>
    <xdr:to>
      <xdr:col>65</xdr:col>
      <xdr:colOff>53975</xdr:colOff>
      <xdr:row>56</xdr:row>
      <xdr:rowOff>128815</xdr:rowOff>
    </xdr:to>
    <xdr:sp macro="" textlink="">
      <xdr:nvSpPr>
        <xdr:cNvPr id="276" name="楕円 275"/>
        <xdr:cNvSpPr/>
      </xdr:nvSpPr>
      <xdr:spPr>
        <a:xfrm>
          <a:off x="12954000" y="962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38992</xdr:rowOff>
    </xdr:from>
    <xdr:ext cx="762000" cy="259045"/>
    <xdr:sp macro="" textlink="">
      <xdr:nvSpPr>
        <xdr:cNvPr id="277" name="テキスト ボックス 276"/>
        <xdr:cNvSpPr txBox="1"/>
      </xdr:nvSpPr>
      <xdr:spPr>
        <a:xfrm>
          <a:off x="12623800" y="9397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　令和</a:t>
          </a:r>
          <a:r>
            <a:rPr kumimoji="1" lang="en-US" altLang="ja-JP" sz="1200" b="0">
              <a:solidFill>
                <a:schemeClr val="dk1"/>
              </a:solidFill>
              <a:effectLst/>
              <a:latin typeface="ＭＳ 明朝" panose="02020609040205080304" pitchFamily="17" charset="-128"/>
              <a:ea typeface="ＭＳ 明朝" panose="02020609040205080304" pitchFamily="17" charset="-128"/>
              <a:cs typeface="+mn-cs"/>
            </a:rPr>
            <a:t>4</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年度については、消防広域化に伴う消防業務委託料の増などにより、前年度と比べて</a:t>
          </a:r>
          <a:r>
            <a:rPr kumimoji="1" lang="en-US" altLang="ja-JP" sz="1200" b="0">
              <a:solidFill>
                <a:schemeClr val="dk1"/>
              </a:solidFill>
              <a:effectLst/>
              <a:latin typeface="ＭＳ 明朝" panose="02020609040205080304" pitchFamily="17" charset="-128"/>
              <a:ea typeface="ＭＳ 明朝" panose="02020609040205080304" pitchFamily="17" charset="-128"/>
              <a:cs typeface="+mn-cs"/>
            </a:rPr>
            <a:t>6.3</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ポイントの増となった。</a:t>
          </a:r>
          <a:endParaRPr lang="ja-JP" altLang="ja-JP" sz="1200">
            <a:effectLst/>
            <a:latin typeface="ＭＳ 明朝" panose="02020609040205080304" pitchFamily="17" charset="-128"/>
            <a:ea typeface="ＭＳ 明朝" panose="02020609040205080304" pitchFamily="17" charset="-128"/>
          </a:endParaRPr>
        </a:p>
        <a:p>
          <a:pPr eaLnBrk="1" fontAlgn="auto" latinLnBrk="0" hangingPunct="1"/>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　前年から増となっているものの、類似団体と同水準で推移しており、引き続き団体向け補助金等の見直しを行っていき、適正化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6708</xdr:rowOff>
    </xdr:from>
    <xdr:to>
      <xdr:col>82</xdr:col>
      <xdr:colOff>107950</xdr:colOff>
      <xdr:row>40</xdr:row>
      <xdr:rowOff>3556</xdr:rowOff>
    </xdr:to>
    <xdr:cxnSp macro="">
      <xdr:nvCxnSpPr>
        <xdr:cNvPr id="302" name="直線コネクタ 301"/>
        <xdr:cNvCxnSpPr/>
      </xdr:nvCxnSpPr>
      <xdr:spPr>
        <a:xfrm flipV="1">
          <a:off x="16510000" y="5906008"/>
          <a:ext cx="0" cy="955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47083</xdr:rowOff>
    </xdr:from>
    <xdr:ext cx="762000" cy="259045"/>
    <xdr:sp macro="" textlink="">
      <xdr:nvSpPr>
        <xdr:cNvPr id="303" name="補助費等最小値テキスト"/>
        <xdr:cNvSpPr txBox="1"/>
      </xdr:nvSpPr>
      <xdr:spPr>
        <a:xfrm>
          <a:off x="16598900" y="683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556</xdr:rowOff>
    </xdr:from>
    <xdr:to>
      <xdr:col>82</xdr:col>
      <xdr:colOff>196850</xdr:colOff>
      <xdr:row>40</xdr:row>
      <xdr:rowOff>3556</xdr:rowOff>
    </xdr:to>
    <xdr:cxnSp macro="">
      <xdr:nvCxnSpPr>
        <xdr:cNvPr id="304" name="直線コネクタ 303"/>
        <xdr:cNvCxnSpPr/>
      </xdr:nvCxnSpPr>
      <xdr:spPr>
        <a:xfrm>
          <a:off x="16421100" y="68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63085</xdr:rowOff>
    </xdr:from>
    <xdr:ext cx="762000" cy="259045"/>
    <xdr:sp macro="" textlink="">
      <xdr:nvSpPr>
        <xdr:cNvPr id="305" name="補助費等最大値テキスト"/>
        <xdr:cNvSpPr txBox="1"/>
      </xdr:nvSpPr>
      <xdr:spPr>
        <a:xfrm>
          <a:off x="16598900" y="5649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6708</xdr:rowOff>
    </xdr:from>
    <xdr:to>
      <xdr:col>82</xdr:col>
      <xdr:colOff>196850</xdr:colOff>
      <xdr:row>34</xdr:row>
      <xdr:rowOff>76708</xdr:rowOff>
    </xdr:to>
    <xdr:cxnSp macro="">
      <xdr:nvCxnSpPr>
        <xdr:cNvPr id="306" name="直線コネクタ 305"/>
        <xdr:cNvCxnSpPr/>
      </xdr:nvCxnSpPr>
      <xdr:spPr>
        <a:xfrm>
          <a:off x="16421100" y="5906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33274</xdr:rowOff>
    </xdr:from>
    <xdr:to>
      <xdr:col>82</xdr:col>
      <xdr:colOff>107950</xdr:colOff>
      <xdr:row>36</xdr:row>
      <xdr:rowOff>149860</xdr:rowOff>
    </xdr:to>
    <xdr:cxnSp macro="">
      <xdr:nvCxnSpPr>
        <xdr:cNvPr id="307" name="直線コネクタ 306"/>
        <xdr:cNvCxnSpPr/>
      </xdr:nvCxnSpPr>
      <xdr:spPr>
        <a:xfrm>
          <a:off x="15671800" y="6034024"/>
          <a:ext cx="838200" cy="288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03141</xdr:rowOff>
    </xdr:from>
    <xdr:ext cx="762000" cy="259045"/>
    <xdr:sp macro="" textlink="">
      <xdr:nvSpPr>
        <xdr:cNvPr id="308" name="補助費等平均値テキスト"/>
        <xdr:cNvSpPr txBox="1"/>
      </xdr:nvSpPr>
      <xdr:spPr>
        <a:xfrm>
          <a:off x="16598900" y="6275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1064</xdr:rowOff>
    </xdr:from>
    <xdr:to>
      <xdr:col>82</xdr:col>
      <xdr:colOff>158750</xdr:colOff>
      <xdr:row>37</xdr:row>
      <xdr:rowOff>61214</xdr:rowOff>
    </xdr:to>
    <xdr:sp macro="" textlink="">
      <xdr:nvSpPr>
        <xdr:cNvPr id="309" name="フローチャート: 判断 308"/>
        <xdr:cNvSpPr/>
      </xdr:nvSpPr>
      <xdr:spPr>
        <a:xfrm>
          <a:off x="164592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33274</xdr:rowOff>
    </xdr:from>
    <xdr:to>
      <xdr:col>78</xdr:col>
      <xdr:colOff>69850</xdr:colOff>
      <xdr:row>35</xdr:row>
      <xdr:rowOff>74422</xdr:rowOff>
    </xdr:to>
    <xdr:cxnSp macro="">
      <xdr:nvCxnSpPr>
        <xdr:cNvPr id="310" name="直線コネクタ 309"/>
        <xdr:cNvCxnSpPr/>
      </xdr:nvCxnSpPr>
      <xdr:spPr>
        <a:xfrm flipV="1">
          <a:off x="14782800" y="6034024"/>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8204</xdr:rowOff>
    </xdr:from>
    <xdr:to>
      <xdr:col>78</xdr:col>
      <xdr:colOff>120650</xdr:colOff>
      <xdr:row>37</xdr:row>
      <xdr:rowOff>38354</xdr:rowOff>
    </xdr:to>
    <xdr:sp macro="" textlink="">
      <xdr:nvSpPr>
        <xdr:cNvPr id="311" name="フローチャート: 判断 310"/>
        <xdr:cNvSpPr/>
      </xdr:nvSpPr>
      <xdr:spPr>
        <a:xfrm>
          <a:off x="156210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23131</xdr:rowOff>
    </xdr:from>
    <xdr:ext cx="736600" cy="259045"/>
    <xdr:sp macro="" textlink="">
      <xdr:nvSpPr>
        <xdr:cNvPr id="312" name="テキスト ボックス 311"/>
        <xdr:cNvSpPr txBox="1"/>
      </xdr:nvSpPr>
      <xdr:spPr>
        <a:xfrm>
          <a:off x="15290800" y="63667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74422</xdr:rowOff>
    </xdr:from>
    <xdr:to>
      <xdr:col>73</xdr:col>
      <xdr:colOff>180975</xdr:colOff>
      <xdr:row>35</xdr:row>
      <xdr:rowOff>110998</xdr:rowOff>
    </xdr:to>
    <xdr:cxnSp macro="">
      <xdr:nvCxnSpPr>
        <xdr:cNvPr id="313" name="直線コネクタ 312"/>
        <xdr:cNvCxnSpPr/>
      </xdr:nvCxnSpPr>
      <xdr:spPr>
        <a:xfrm flipV="1">
          <a:off x="13893800" y="607517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4" name="フローチャート: 判断 313"/>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5" name="テキスト ボックス 314"/>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83566</xdr:rowOff>
    </xdr:from>
    <xdr:to>
      <xdr:col>69</xdr:col>
      <xdr:colOff>92075</xdr:colOff>
      <xdr:row>35</xdr:row>
      <xdr:rowOff>110998</xdr:rowOff>
    </xdr:to>
    <xdr:cxnSp macro="">
      <xdr:nvCxnSpPr>
        <xdr:cNvPr id="316" name="直線コネクタ 315"/>
        <xdr:cNvCxnSpPr/>
      </xdr:nvCxnSpPr>
      <xdr:spPr>
        <a:xfrm>
          <a:off x="13004800" y="608431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44780</xdr:rowOff>
    </xdr:from>
    <xdr:to>
      <xdr:col>69</xdr:col>
      <xdr:colOff>142875</xdr:colOff>
      <xdr:row>37</xdr:row>
      <xdr:rowOff>74930</xdr:rowOff>
    </xdr:to>
    <xdr:sp macro="" textlink="">
      <xdr:nvSpPr>
        <xdr:cNvPr id="317" name="フローチャート: 判断 316"/>
        <xdr:cNvSpPr/>
      </xdr:nvSpPr>
      <xdr:spPr>
        <a:xfrm>
          <a:off x="13843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9707</xdr:rowOff>
    </xdr:from>
    <xdr:ext cx="762000" cy="259045"/>
    <xdr:sp macro="" textlink="">
      <xdr:nvSpPr>
        <xdr:cNvPr id="318" name="テキスト ボックス 317"/>
        <xdr:cNvSpPr txBox="1"/>
      </xdr:nvSpPr>
      <xdr:spPr>
        <a:xfrm>
          <a:off x="13512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9" name="フローチャート: 判断 318"/>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1419</xdr:rowOff>
    </xdr:from>
    <xdr:ext cx="762000" cy="259045"/>
    <xdr:sp macro="" textlink="">
      <xdr:nvSpPr>
        <xdr:cNvPr id="320" name="テキスト ボックス 319"/>
        <xdr:cNvSpPr txBox="1"/>
      </xdr:nvSpPr>
      <xdr:spPr>
        <a:xfrm>
          <a:off x="12623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1" name="テキスト ボックス 320"/>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2" name="テキスト ボックス 321"/>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3" name="テキスト ボックス 322"/>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4" name="テキスト ボックス 323"/>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5" name="テキスト ボックス 324"/>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9060</xdr:rowOff>
    </xdr:from>
    <xdr:to>
      <xdr:col>82</xdr:col>
      <xdr:colOff>158750</xdr:colOff>
      <xdr:row>37</xdr:row>
      <xdr:rowOff>29210</xdr:rowOff>
    </xdr:to>
    <xdr:sp macro="" textlink="">
      <xdr:nvSpPr>
        <xdr:cNvPr id="326" name="楕円 325"/>
        <xdr:cNvSpPr/>
      </xdr:nvSpPr>
      <xdr:spPr>
        <a:xfrm>
          <a:off x="164592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15587</xdr:rowOff>
    </xdr:from>
    <xdr:ext cx="762000" cy="259045"/>
    <xdr:sp macro="" textlink="">
      <xdr:nvSpPr>
        <xdr:cNvPr id="327" name="補助費等該当値テキスト"/>
        <xdr:cNvSpPr txBox="1"/>
      </xdr:nvSpPr>
      <xdr:spPr>
        <a:xfrm>
          <a:off x="165989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53924</xdr:rowOff>
    </xdr:from>
    <xdr:to>
      <xdr:col>78</xdr:col>
      <xdr:colOff>120650</xdr:colOff>
      <xdr:row>35</xdr:row>
      <xdr:rowOff>84074</xdr:rowOff>
    </xdr:to>
    <xdr:sp macro="" textlink="">
      <xdr:nvSpPr>
        <xdr:cNvPr id="328" name="楕円 327"/>
        <xdr:cNvSpPr/>
      </xdr:nvSpPr>
      <xdr:spPr>
        <a:xfrm>
          <a:off x="15621000" y="5983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94251</xdr:rowOff>
    </xdr:from>
    <xdr:ext cx="736600" cy="259045"/>
    <xdr:sp macro="" textlink="">
      <xdr:nvSpPr>
        <xdr:cNvPr id="329" name="テキスト ボックス 328"/>
        <xdr:cNvSpPr txBox="1"/>
      </xdr:nvSpPr>
      <xdr:spPr>
        <a:xfrm>
          <a:off x="15290800" y="57521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23622</xdr:rowOff>
    </xdr:from>
    <xdr:to>
      <xdr:col>74</xdr:col>
      <xdr:colOff>31750</xdr:colOff>
      <xdr:row>35</xdr:row>
      <xdr:rowOff>125222</xdr:rowOff>
    </xdr:to>
    <xdr:sp macro="" textlink="">
      <xdr:nvSpPr>
        <xdr:cNvPr id="330" name="楕円 329"/>
        <xdr:cNvSpPr/>
      </xdr:nvSpPr>
      <xdr:spPr>
        <a:xfrm>
          <a:off x="147320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35399</xdr:rowOff>
    </xdr:from>
    <xdr:ext cx="762000" cy="259045"/>
    <xdr:sp macro="" textlink="">
      <xdr:nvSpPr>
        <xdr:cNvPr id="331" name="テキスト ボックス 330"/>
        <xdr:cNvSpPr txBox="1"/>
      </xdr:nvSpPr>
      <xdr:spPr>
        <a:xfrm>
          <a:off x="14401800" y="579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60198</xdr:rowOff>
    </xdr:from>
    <xdr:to>
      <xdr:col>69</xdr:col>
      <xdr:colOff>142875</xdr:colOff>
      <xdr:row>35</xdr:row>
      <xdr:rowOff>161798</xdr:rowOff>
    </xdr:to>
    <xdr:sp macro="" textlink="">
      <xdr:nvSpPr>
        <xdr:cNvPr id="332" name="楕円 331"/>
        <xdr:cNvSpPr/>
      </xdr:nvSpPr>
      <xdr:spPr>
        <a:xfrm>
          <a:off x="13843000" y="6060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525</xdr:rowOff>
    </xdr:from>
    <xdr:ext cx="762000" cy="259045"/>
    <xdr:sp macro="" textlink="">
      <xdr:nvSpPr>
        <xdr:cNvPr id="333" name="テキスト ボックス 332"/>
        <xdr:cNvSpPr txBox="1"/>
      </xdr:nvSpPr>
      <xdr:spPr>
        <a:xfrm>
          <a:off x="13512800" y="5829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32766</xdr:rowOff>
    </xdr:from>
    <xdr:to>
      <xdr:col>65</xdr:col>
      <xdr:colOff>53975</xdr:colOff>
      <xdr:row>35</xdr:row>
      <xdr:rowOff>134366</xdr:rowOff>
    </xdr:to>
    <xdr:sp macro="" textlink="">
      <xdr:nvSpPr>
        <xdr:cNvPr id="334" name="楕円 333"/>
        <xdr:cNvSpPr/>
      </xdr:nvSpPr>
      <xdr:spPr>
        <a:xfrm>
          <a:off x="129540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44543</xdr:rowOff>
    </xdr:from>
    <xdr:ext cx="762000" cy="259045"/>
    <xdr:sp macro="" textlink="">
      <xdr:nvSpPr>
        <xdr:cNvPr id="335" name="テキスト ボックス 334"/>
        <xdr:cNvSpPr txBox="1"/>
      </xdr:nvSpPr>
      <xdr:spPr>
        <a:xfrm>
          <a:off x="12623800" y="5802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0">
              <a:solidFill>
                <a:schemeClr val="dk1"/>
              </a:solidFill>
              <a:effectLst/>
              <a:latin typeface="+mn-lt"/>
              <a:ea typeface="+mn-ea"/>
              <a:cs typeface="+mn-cs"/>
            </a:rPr>
            <a:t>　</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新規借入に伴う新たな元金</a:t>
          </a:r>
          <a:r>
            <a:rPr kumimoji="1" lang="ja-JP" altLang="en-US" sz="1200" b="0">
              <a:solidFill>
                <a:schemeClr val="dk1"/>
              </a:solidFill>
              <a:effectLst/>
              <a:latin typeface="ＭＳ 明朝" panose="02020609040205080304" pitchFamily="17" charset="-128"/>
              <a:ea typeface="ＭＳ 明朝" panose="02020609040205080304" pitchFamily="17" charset="-128"/>
              <a:cs typeface="+mn-cs"/>
            </a:rPr>
            <a:t>償還</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よりも、過去借入分の償還終了分が上回ったことによる町債償還元金の減により、全体として前年度より</a:t>
          </a:r>
          <a:r>
            <a:rPr kumimoji="1" lang="en-US" altLang="ja-JP" sz="1200" b="0">
              <a:solidFill>
                <a:schemeClr val="dk1"/>
              </a:solidFill>
              <a:effectLst/>
              <a:latin typeface="ＭＳ 明朝" panose="02020609040205080304" pitchFamily="17" charset="-128"/>
              <a:ea typeface="ＭＳ 明朝" panose="02020609040205080304" pitchFamily="17" charset="-128"/>
              <a:cs typeface="+mn-cs"/>
            </a:rPr>
            <a:t>0.5</a:t>
          </a:r>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ポイント減となった。</a:t>
          </a:r>
          <a:endParaRPr lang="ja-JP" altLang="ja-JP" sz="1200">
            <a:effectLst/>
            <a:latin typeface="ＭＳ 明朝" panose="02020609040205080304" pitchFamily="17" charset="-128"/>
            <a:ea typeface="ＭＳ 明朝" panose="02020609040205080304" pitchFamily="17" charset="-128"/>
          </a:endParaRPr>
        </a:p>
        <a:p>
          <a:pPr eaLnBrk="1" fontAlgn="auto" latinLnBrk="0" hangingPunct="1"/>
          <a:r>
            <a:rPr kumimoji="1" lang="ja-JP" altLang="ja-JP" sz="1200" b="0">
              <a:solidFill>
                <a:schemeClr val="dk1"/>
              </a:solidFill>
              <a:effectLst/>
              <a:latin typeface="ＭＳ 明朝" panose="02020609040205080304" pitchFamily="17" charset="-128"/>
              <a:ea typeface="ＭＳ 明朝" panose="02020609040205080304" pitchFamily="17" charset="-128"/>
              <a:cs typeface="+mn-cs"/>
            </a:rPr>
            <a:t>　今後も公共施設等の再編や田端西地区まちづくり事業などの大型公共事業により、借入額の増加が見込まれるため、類似団体平均値等を一つの目安にしながら、適正水準の確保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3</xdr:col>
      <xdr:colOff>123825</xdr:colOff>
      <xdr:row>69</xdr:row>
      <xdr:rowOff>107950</xdr:rowOff>
    </xdr:from>
    <xdr:ext cx="298543" cy="225703"/>
    <xdr:sp macro="" textlink="">
      <xdr:nvSpPr>
        <xdr:cNvPr id="347" name="テキスト ボックス 346"/>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9" name="テキスト ボックス 348"/>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0" name="直線コネクタ 349"/>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1" name="テキスト ボックス 350"/>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2" name="直線コネクタ 351"/>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3" name="テキスト ボックス 352"/>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4" name="直線コネクタ 353"/>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5" name="テキスト ボックス 354"/>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6" name="直線コネクタ 355"/>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7" name="テキスト ボックス 356"/>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8" name="直線コネクタ 357"/>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9"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7272</xdr:rowOff>
    </xdr:from>
    <xdr:to>
      <xdr:col>24</xdr:col>
      <xdr:colOff>25400</xdr:colOff>
      <xdr:row>80</xdr:row>
      <xdr:rowOff>85852</xdr:rowOff>
    </xdr:to>
    <xdr:cxnSp macro="">
      <xdr:nvCxnSpPr>
        <xdr:cNvPr id="360" name="直線コネクタ 359"/>
        <xdr:cNvCxnSpPr/>
      </xdr:nvCxnSpPr>
      <xdr:spPr>
        <a:xfrm flipV="1">
          <a:off x="4826000" y="12704572"/>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7929</xdr:rowOff>
    </xdr:from>
    <xdr:ext cx="762000" cy="259045"/>
    <xdr:sp macro="" textlink="">
      <xdr:nvSpPr>
        <xdr:cNvPr id="361" name="公債費最小値テキスト"/>
        <xdr:cNvSpPr txBox="1"/>
      </xdr:nvSpPr>
      <xdr:spPr>
        <a:xfrm>
          <a:off x="4914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5852</xdr:rowOff>
    </xdr:from>
    <xdr:to>
      <xdr:col>24</xdr:col>
      <xdr:colOff>114300</xdr:colOff>
      <xdr:row>80</xdr:row>
      <xdr:rowOff>85852</xdr:rowOff>
    </xdr:to>
    <xdr:cxnSp macro="">
      <xdr:nvCxnSpPr>
        <xdr:cNvPr id="362" name="直線コネクタ 361"/>
        <xdr:cNvCxnSpPr/>
      </xdr:nvCxnSpPr>
      <xdr:spPr>
        <a:xfrm>
          <a:off x="4737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03649</xdr:rowOff>
    </xdr:from>
    <xdr:ext cx="762000" cy="259045"/>
    <xdr:sp macro="" textlink="">
      <xdr:nvSpPr>
        <xdr:cNvPr id="363" name="公債費最大値テキスト"/>
        <xdr:cNvSpPr txBox="1"/>
      </xdr:nvSpPr>
      <xdr:spPr>
        <a:xfrm>
          <a:off x="4914900" y="1244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7272</xdr:rowOff>
    </xdr:from>
    <xdr:to>
      <xdr:col>24</xdr:col>
      <xdr:colOff>114300</xdr:colOff>
      <xdr:row>74</xdr:row>
      <xdr:rowOff>17272</xdr:rowOff>
    </xdr:to>
    <xdr:cxnSp macro="">
      <xdr:nvCxnSpPr>
        <xdr:cNvPr id="364" name="直線コネクタ 363"/>
        <xdr:cNvCxnSpPr/>
      </xdr:nvCxnSpPr>
      <xdr:spPr>
        <a:xfrm>
          <a:off x="4737100" y="12704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6415</xdr:rowOff>
    </xdr:from>
    <xdr:to>
      <xdr:col>24</xdr:col>
      <xdr:colOff>25400</xdr:colOff>
      <xdr:row>76</xdr:row>
      <xdr:rowOff>49276</xdr:rowOff>
    </xdr:to>
    <xdr:cxnSp macro="">
      <xdr:nvCxnSpPr>
        <xdr:cNvPr id="365" name="直線コネクタ 364"/>
        <xdr:cNvCxnSpPr/>
      </xdr:nvCxnSpPr>
      <xdr:spPr>
        <a:xfrm flipV="1">
          <a:off x="3987800" y="13056615"/>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0281</xdr:rowOff>
    </xdr:from>
    <xdr:ext cx="762000" cy="259045"/>
    <xdr:sp macro="" textlink="">
      <xdr:nvSpPr>
        <xdr:cNvPr id="366" name="公債費平均値テキスト"/>
        <xdr:cNvSpPr txBox="1"/>
      </xdr:nvSpPr>
      <xdr:spPr>
        <a:xfrm>
          <a:off x="4914900" y="13110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8204</xdr:rowOff>
    </xdr:from>
    <xdr:to>
      <xdr:col>24</xdr:col>
      <xdr:colOff>76200</xdr:colOff>
      <xdr:row>77</xdr:row>
      <xdr:rowOff>38354</xdr:rowOff>
    </xdr:to>
    <xdr:sp macro="" textlink="">
      <xdr:nvSpPr>
        <xdr:cNvPr id="367" name="フローチャート: 判断 366"/>
        <xdr:cNvSpPr/>
      </xdr:nvSpPr>
      <xdr:spPr>
        <a:xfrm>
          <a:off x="4775200" y="1313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40132</xdr:rowOff>
    </xdr:from>
    <xdr:to>
      <xdr:col>19</xdr:col>
      <xdr:colOff>187325</xdr:colOff>
      <xdr:row>76</xdr:row>
      <xdr:rowOff>49276</xdr:rowOff>
    </xdr:to>
    <xdr:cxnSp macro="">
      <xdr:nvCxnSpPr>
        <xdr:cNvPr id="368" name="直線コネクタ 367"/>
        <xdr:cNvCxnSpPr/>
      </xdr:nvCxnSpPr>
      <xdr:spPr>
        <a:xfrm>
          <a:off x="3098800" y="1307033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80772</xdr:rowOff>
    </xdr:from>
    <xdr:to>
      <xdr:col>20</xdr:col>
      <xdr:colOff>38100</xdr:colOff>
      <xdr:row>77</xdr:row>
      <xdr:rowOff>10922</xdr:rowOff>
    </xdr:to>
    <xdr:sp macro="" textlink="">
      <xdr:nvSpPr>
        <xdr:cNvPr id="369" name="フローチャート: 判断 368"/>
        <xdr:cNvSpPr/>
      </xdr:nvSpPr>
      <xdr:spPr>
        <a:xfrm>
          <a:off x="39370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67149</xdr:rowOff>
    </xdr:from>
    <xdr:ext cx="736600" cy="259045"/>
    <xdr:sp macro="" textlink="">
      <xdr:nvSpPr>
        <xdr:cNvPr id="370" name="テキスト ボックス 369"/>
        <xdr:cNvSpPr txBox="1"/>
      </xdr:nvSpPr>
      <xdr:spPr>
        <a:xfrm>
          <a:off x="3606800" y="1319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21844</xdr:rowOff>
    </xdr:from>
    <xdr:to>
      <xdr:col>15</xdr:col>
      <xdr:colOff>98425</xdr:colOff>
      <xdr:row>76</xdr:row>
      <xdr:rowOff>40132</xdr:rowOff>
    </xdr:to>
    <xdr:cxnSp macro="">
      <xdr:nvCxnSpPr>
        <xdr:cNvPr id="371" name="直線コネクタ 370"/>
        <xdr:cNvCxnSpPr/>
      </xdr:nvCxnSpPr>
      <xdr:spPr>
        <a:xfrm>
          <a:off x="2209800" y="1305204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12776</xdr:rowOff>
    </xdr:from>
    <xdr:to>
      <xdr:col>15</xdr:col>
      <xdr:colOff>149225</xdr:colOff>
      <xdr:row>77</xdr:row>
      <xdr:rowOff>42926</xdr:rowOff>
    </xdr:to>
    <xdr:sp macro="" textlink="">
      <xdr:nvSpPr>
        <xdr:cNvPr id="372" name="フローチャート: 判断 371"/>
        <xdr:cNvSpPr/>
      </xdr:nvSpPr>
      <xdr:spPr>
        <a:xfrm>
          <a:off x="3048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27703</xdr:rowOff>
    </xdr:from>
    <xdr:ext cx="762000" cy="259045"/>
    <xdr:sp macro="" textlink="">
      <xdr:nvSpPr>
        <xdr:cNvPr id="373" name="テキスト ボックス 372"/>
        <xdr:cNvSpPr txBox="1"/>
      </xdr:nvSpPr>
      <xdr:spPr>
        <a:xfrm>
          <a:off x="2717800" y="13229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21844</xdr:rowOff>
    </xdr:from>
    <xdr:to>
      <xdr:col>11</xdr:col>
      <xdr:colOff>9525</xdr:colOff>
      <xdr:row>76</xdr:row>
      <xdr:rowOff>108713</xdr:rowOff>
    </xdr:to>
    <xdr:cxnSp macro="">
      <xdr:nvCxnSpPr>
        <xdr:cNvPr id="374" name="直線コネクタ 373"/>
        <xdr:cNvCxnSpPr/>
      </xdr:nvCxnSpPr>
      <xdr:spPr>
        <a:xfrm flipV="1">
          <a:off x="1320800" y="13052044"/>
          <a:ext cx="889000" cy="86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1920</xdr:rowOff>
    </xdr:from>
    <xdr:to>
      <xdr:col>11</xdr:col>
      <xdr:colOff>60325</xdr:colOff>
      <xdr:row>77</xdr:row>
      <xdr:rowOff>52070</xdr:rowOff>
    </xdr:to>
    <xdr:sp macro="" textlink="">
      <xdr:nvSpPr>
        <xdr:cNvPr id="375" name="フローチャート: 判断 374"/>
        <xdr:cNvSpPr/>
      </xdr:nvSpPr>
      <xdr:spPr>
        <a:xfrm>
          <a:off x="2159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36847</xdr:rowOff>
    </xdr:from>
    <xdr:ext cx="762000" cy="259045"/>
    <xdr:sp macro="" textlink="">
      <xdr:nvSpPr>
        <xdr:cNvPr id="376" name="テキスト ボックス 375"/>
        <xdr:cNvSpPr txBox="1"/>
      </xdr:nvSpPr>
      <xdr:spPr>
        <a:xfrm>
          <a:off x="1828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7" name="フローチャート: 判断 376"/>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8" name="テキスト ボックス 377"/>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9" name="テキスト ボックス 378"/>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0" name="テキスト ボックス 379"/>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1" name="テキスト ボックス 380"/>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2" name="テキスト ボックス 381"/>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3" name="テキスト ボックス 382"/>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47065</xdr:rowOff>
    </xdr:from>
    <xdr:to>
      <xdr:col>24</xdr:col>
      <xdr:colOff>76200</xdr:colOff>
      <xdr:row>76</xdr:row>
      <xdr:rowOff>77215</xdr:rowOff>
    </xdr:to>
    <xdr:sp macro="" textlink="">
      <xdr:nvSpPr>
        <xdr:cNvPr id="384" name="楕円 383"/>
        <xdr:cNvSpPr/>
      </xdr:nvSpPr>
      <xdr:spPr>
        <a:xfrm>
          <a:off x="47752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63593</xdr:rowOff>
    </xdr:from>
    <xdr:ext cx="762000" cy="259045"/>
    <xdr:sp macro="" textlink="">
      <xdr:nvSpPr>
        <xdr:cNvPr id="385" name="公債費該当値テキスト"/>
        <xdr:cNvSpPr txBox="1"/>
      </xdr:nvSpPr>
      <xdr:spPr>
        <a:xfrm>
          <a:off x="4914900" y="12850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69926</xdr:rowOff>
    </xdr:from>
    <xdr:to>
      <xdr:col>20</xdr:col>
      <xdr:colOff>38100</xdr:colOff>
      <xdr:row>76</xdr:row>
      <xdr:rowOff>100076</xdr:rowOff>
    </xdr:to>
    <xdr:sp macro="" textlink="">
      <xdr:nvSpPr>
        <xdr:cNvPr id="386" name="楕円 385"/>
        <xdr:cNvSpPr/>
      </xdr:nvSpPr>
      <xdr:spPr>
        <a:xfrm>
          <a:off x="3937000" y="13028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10253</xdr:rowOff>
    </xdr:from>
    <xdr:ext cx="736600" cy="259045"/>
    <xdr:sp macro="" textlink="">
      <xdr:nvSpPr>
        <xdr:cNvPr id="387" name="テキスト ボックス 386"/>
        <xdr:cNvSpPr txBox="1"/>
      </xdr:nvSpPr>
      <xdr:spPr>
        <a:xfrm>
          <a:off x="3606800" y="12797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60782</xdr:rowOff>
    </xdr:from>
    <xdr:to>
      <xdr:col>15</xdr:col>
      <xdr:colOff>149225</xdr:colOff>
      <xdr:row>76</xdr:row>
      <xdr:rowOff>90932</xdr:rowOff>
    </xdr:to>
    <xdr:sp macro="" textlink="">
      <xdr:nvSpPr>
        <xdr:cNvPr id="388" name="楕円 387"/>
        <xdr:cNvSpPr/>
      </xdr:nvSpPr>
      <xdr:spPr>
        <a:xfrm>
          <a:off x="30480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01109</xdr:rowOff>
    </xdr:from>
    <xdr:ext cx="762000" cy="259045"/>
    <xdr:sp macro="" textlink="">
      <xdr:nvSpPr>
        <xdr:cNvPr id="389" name="テキスト ボックス 388"/>
        <xdr:cNvSpPr txBox="1"/>
      </xdr:nvSpPr>
      <xdr:spPr>
        <a:xfrm>
          <a:off x="2717800" y="12788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42494</xdr:rowOff>
    </xdr:from>
    <xdr:to>
      <xdr:col>11</xdr:col>
      <xdr:colOff>60325</xdr:colOff>
      <xdr:row>76</xdr:row>
      <xdr:rowOff>72644</xdr:rowOff>
    </xdr:to>
    <xdr:sp macro="" textlink="">
      <xdr:nvSpPr>
        <xdr:cNvPr id="390" name="楕円 389"/>
        <xdr:cNvSpPr/>
      </xdr:nvSpPr>
      <xdr:spPr>
        <a:xfrm>
          <a:off x="2159000" y="13001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82821</xdr:rowOff>
    </xdr:from>
    <xdr:ext cx="762000" cy="259045"/>
    <xdr:sp macro="" textlink="">
      <xdr:nvSpPr>
        <xdr:cNvPr id="391" name="テキスト ボックス 390"/>
        <xdr:cNvSpPr txBox="1"/>
      </xdr:nvSpPr>
      <xdr:spPr>
        <a:xfrm>
          <a:off x="1828800" y="12770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57913</xdr:rowOff>
    </xdr:from>
    <xdr:to>
      <xdr:col>6</xdr:col>
      <xdr:colOff>171450</xdr:colOff>
      <xdr:row>76</xdr:row>
      <xdr:rowOff>159513</xdr:rowOff>
    </xdr:to>
    <xdr:sp macro="" textlink="">
      <xdr:nvSpPr>
        <xdr:cNvPr id="392" name="楕円 391"/>
        <xdr:cNvSpPr/>
      </xdr:nvSpPr>
      <xdr:spPr>
        <a:xfrm>
          <a:off x="1270000" y="1308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69689</xdr:rowOff>
    </xdr:from>
    <xdr:ext cx="762000" cy="259045"/>
    <xdr:sp macro="" textlink="">
      <xdr:nvSpPr>
        <xdr:cNvPr id="393" name="テキスト ボックス 392"/>
        <xdr:cNvSpPr txBox="1"/>
      </xdr:nvSpPr>
      <xdr:spPr>
        <a:xfrm>
          <a:off x="939800" y="12856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4" name="正方形/長方形 393"/>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5" name="正方形/長方形 394"/>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6" name="正方形/長方形 395"/>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7" name="正方形/長方形 396"/>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8" name="正方形/長方形 397"/>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9" name="正方形/長方形 398"/>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0" name="正方形/長方形 399"/>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1" name="正方形/長方形 400"/>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2" name="正方形/長方形 401"/>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3" name="正方形/長方形 402"/>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4" name="テキスト ボックス 403"/>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en-US" sz="1100">
              <a:solidFill>
                <a:schemeClr val="dk1"/>
              </a:solidFill>
              <a:effectLst/>
              <a:latin typeface="+mn-lt"/>
              <a:ea typeface="+mn-ea"/>
              <a:cs typeface="+mn-cs"/>
            </a:rPr>
            <a:t>　</a:t>
          </a:r>
          <a:r>
            <a:rPr lang="ja-JP" altLang="en-US" sz="1200">
              <a:solidFill>
                <a:schemeClr val="dk1"/>
              </a:solidFill>
              <a:effectLst/>
              <a:latin typeface="ＭＳ 明朝" panose="02020609040205080304" pitchFamily="17" charset="-128"/>
              <a:ea typeface="ＭＳ 明朝" panose="02020609040205080304" pitchFamily="17" charset="-128"/>
              <a:cs typeface="+mn-cs"/>
            </a:rPr>
            <a:t>公債費以外に係る経常収支比率は、前年度と比べて</a:t>
          </a:r>
          <a:r>
            <a:rPr lang="en-US" altLang="ja-JP" sz="1200">
              <a:solidFill>
                <a:schemeClr val="dk1"/>
              </a:solidFill>
              <a:effectLst/>
              <a:latin typeface="ＭＳ 明朝" panose="02020609040205080304" pitchFamily="17" charset="-128"/>
              <a:ea typeface="ＭＳ 明朝" panose="02020609040205080304" pitchFamily="17" charset="-128"/>
              <a:cs typeface="+mn-cs"/>
            </a:rPr>
            <a:t>0.3</a:t>
          </a:r>
          <a:r>
            <a:rPr lang="ja-JP" altLang="en-US" sz="1200">
              <a:solidFill>
                <a:schemeClr val="dk1"/>
              </a:solidFill>
              <a:effectLst/>
              <a:latin typeface="ＭＳ 明朝" panose="02020609040205080304" pitchFamily="17" charset="-128"/>
              <a:ea typeface="ＭＳ 明朝" panose="02020609040205080304" pitchFamily="17" charset="-128"/>
              <a:cs typeface="+mn-cs"/>
            </a:rPr>
            <a:t>ポイントの増となった。</a:t>
          </a:r>
          <a:endParaRPr lang="en-US" altLang="ja-JP" sz="1200">
            <a:solidFill>
              <a:schemeClr val="dk1"/>
            </a:solidFill>
            <a:effectLst/>
            <a:latin typeface="ＭＳ 明朝" panose="02020609040205080304" pitchFamily="17" charset="-128"/>
            <a:ea typeface="ＭＳ 明朝" panose="02020609040205080304" pitchFamily="17" charset="-128"/>
            <a:cs typeface="+mn-cs"/>
          </a:endParaRPr>
        </a:p>
        <a:p>
          <a:pPr rtl="0" eaLnBrk="1" fontAlgn="auto" latinLnBrk="0" hangingPunct="1"/>
          <a:r>
            <a:rPr lang="ja-JP" altLang="en-US" sz="1200">
              <a:solidFill>
                <a:schemeClr val="dk1"/>
              </a:solidFill>
              <a:effectLst/>
              <a:latin typeface="ＭＳ 明朝" panose="02020609040205080304" pitchFamily="17" charset="-128"/>
              <a:ea typeface="ＭＳ 明朝" panose="02020609040205080304" pitchFamily="17" charset="-128"/>
              <a:cs typeface="+mn-cs"/>
            </a:rPr>
            <a:t>　主な要因としては、消防広域化に伴う人件費の減があったものの、消防業務委託料の増による補助費等の大幅な増が挙げられる。</a:t>
          </a:r>
          <a:endParaRPr lang="en-US" altLang="ja-JP" sz="1200">
            <a:solidFill>
              <a:schemeClr val="dk1"/>
            </a:solidFill>
            <a:effectLst/>
            <a:latin typeface="ＭＳ 明朝" panose="02020609040205080304" pitchFamily="17" charset="-128"/>
            <a:ea typeface="ＭＳ 明朝" panose="02020609040205080304" pitchFamily="17" charset="-128"/>
            <a:cs typeface="+mn-cs"/>
          </a:endParaRPr>
        </a:p>
        <a:p>
          <a:pPr rtl="0" eaLnBrk="1" fontAlgn="auto" latinLnBrk="0" hangingPunct="1"/>
          <a:r>
            <a:rPr lang="ja-JP" altLang="en-US" sz="1200">
              <a:solidFill>
                <a:schemeClr val="dk1"/>
              </a:solidFill>
              <a:effectLst/>
              <a:latin typeface="ＭＳ 明朝" panose="02020609040205080304" pitchFamily="17" charset="-128"/>
              <a:ea typeface="ＭＳ 明朝" panose="02020609040205080304" pitchFamily="17" charset="-128"/>
              <a:cs typeface="+mn-cs"/>
            </a:rPr>
            <a:t>　今後も</a:t>
          </a:r>
          <a:r>
            <a:rPr lang="ja-JP" altLang="ja-JP" sz="1200">
              <a:solidFill>
                <a:schemeClr val="dk1"/>
              </a:solidFill>
              <a:effectLst/>
              <a:latin typeface="ＭＳ 明朝" panose="02020609040205080304" pitchFamily="17" charset="-128"/>
              <a:ea typeface="ＭＳ 明朝" panose="02020609040205080304" pitchFamily="17" charset="-128"/>
              <a:cs typeface="+mn-cs"/>
            </a:rPr>
            <a:t>多様化する住民ニーズ</a:t>
          </a:r>
          <a:r>
            <a:rPr lang="ja-JP" altLang="en-US" sz="1200">
              <a:solidFill>
                <a:schemeClr val="dk1"/>
              </a:solidFill>
              <a:effectLst/>
              <a:latin typeface="ＭＳ 明朝" panose="02020609040205080304" pitchFamily="17" charset="-128"/>
              <a:ea typeface="ＭＳ 明朝" panose="02020609040205080304" pitchFamily="17" charset="-128"/>
              <a:cs typeface="+mn-cs"/>
            </a:rPr>
            <a:t>を踏まえつつ</a:t>
          </a:r>
          <a:r>
            <a:rPr lang="ja-JP" altLang="ja-JP" sz="1200">
              <a:solidFill>
                <a:schemeClr val="dk1"/>
              </a:solidFill>
              <a:effectLst/>
              <a:latin typeface="ＭＳ 明朝" panose="02020609040205080304" pitchFamily="17" charset="-128"/>
              <a:ea typeface="ＭＳ 明朝" panose="02020609040205080304" pitchFamily="17" charset="-128"/>
              <a:cs typeface="+mn-cs"/>
            </a:rPr>
            <a:t>、類似団体</a:t>
          </a:r>
          <a:r>
            <a:rPr lang="ja-JP" altLang="en-US" sz="1200">
              <a:solidFill>
                <a:schemeClr val="dk1"/>
              </a:solidFill>
              <a:effectLst/>
              <a:latin typeface="ＭＳ 明朝" panose="02020609040205080304" pitchFamily="17" charset="-128"/>
              <a:ea typeface="ＭＳ 明朝" panose="02020609040205080304" pitchFamily="17" charset="-128"/>
              <a:cs typeface="+mn-cs"/>
            </a:rPr>
            <a:t>や県内</a:t>
          </a:r>
          <a:r>
            <a:rPr lang="ja-JP" altLang="ja-JP" sz="1200">
              <a:solidFill>
                <a:schemeClr val="dk1"/>
              </a:solidFill>
              <a:effectLst/>
              <a:latin typeface="ＭＳ 明朝" panose="02020609040205080304" pitchFamily="17" charset="-128"/>
              <a:ea typeface="ＭＳ 明朝" panose="02020609040205080304" pitchFamily="17" charset="-128"/>
              <a:cs typeface="+mn-cs"/>
            </a:rPr>
            <a:t>平均を上回るものについてはさらなる精査を行い、適正化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oneCellAnchor>
    <xdr:from>
      <xdr:col>62</xdr:col>
      <xdr:colOff>6350</xdr:colOff>
      <xdr:row>69</xdr:row>
      <xdr:rowOff>107950</xdr:rowOff>
    </xdr:from>
    <xdr:ext cx="298543" cy="225703"/>
    <xdr:sp macro="" textlink="">
      <xdr:nvSpPr>
        <xdr:cNvPr id="405" name="テキスト ボックス 404"/>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6" name="直線コネクタ 405"/>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7" name="テキスト ボックス 406"/>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8" name="直線コネクタ 407"/>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9" name="テキスト ボックス 408"/>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0" name="直線コネクタ 409"/>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1" name="テキスト ボックス 410"/>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2" name="直線コネクタ 411"/>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3" name="テキスト ボックス 412"/>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4" name="直線コネクタ 413"/>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5" name="テキスト ボックス 414"/>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6" name="直線コネクタ 415"/>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7" name="テキスト ボックス 416"/>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9" name="テキスト ボックス 418"/>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1</xdr:row>
      <xdr:rowOff>58420</xdr:rowOff>
    </xdr:to>
    <xdr:cxnSp macro="">
      <xdr:nvCxnSpPr>
        <xdr:cNvPr id="421" name="直線コネクタ 420"/>
        <xdr:cNvCxnSpPr/>
      </xdr:nvCxnSpPr>
      <xdr:spPr>
        <a:xfrm flipV="1">
          <a:off x="16510000" y="1271143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0497</xdr:rowOff>
    </xdr:from>
    <xdr:ext cx="762000" cy="259045"/>
    <xdr:sp macro="" textlink="">
      <xdr:nvSpPr>
        <xdr:cNvPr id="422" name="公債費以外最小値テキスト"/>
        <xdr:cNvSpPr txBox="1"/>
      </xdr:nvSpPr>
      <xdr:spPr>
        <a:xfrm>
          <a:off x="16598900" y="13917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0</xdr:rowOff>
    </xdr:from>
    <xdr:to>
      <xdr:col>82</xdr:col>
      <xdr:colOff>196850</xdr:colOff>
      <xdr:row>81</xdr:row>
      <xdr:rowOff>58420</xdr:rowOff>
    </xdr:to>
    <xdr:cxnSp macro="">
      <xdr:nvCxnSpPr>
        <xdr:cNvPr id="423" name="直線コネクタ 422"/>
        <xdr:cNvCxnSpPr/>
      </xdr:nvCxnSpPr>
      <xdr:spPr>
        <a:xfrm>
          <a:off x="16421100" y="13945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4" name="公債費以外最大値テキスト"/>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5" name="直線コネクタ 424"/>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15570</xdr:rowOff>
    </xdr:from>
    <xdr:to>
      <xdr:col>82</xdr:col>
      <xdr:colOff>107950</xdr:colOff>
      <xdr:row>79</xdr:row>
      <xdr:rowOff>127000</xdr:rowOff>
    </xdr:to>
    <xdr:cxnSp macro="">
      <xdr:nvCxnSpPr>
        <xdr:cNvPr id="426" name="直線コネクタ 425"/>
        <xdr:cNvCxnSpPr/>
      </xdr:nvCxnSpPr>
      <xdr:spPr>
        <a:xfrm>
          <a:off x="15671800" y="1366012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96538</xdr:rowOff>
    </xdr:from>
    <xdr:ext cx="762000" cy="259045"/>
    <xdr:sp macro="" textlink="">
      <xdr:nvSpPr>
        <xdr:cNvPr id="427" name="公債費以外平均値テキスト"/>
        <xdr:cNvSpPr txBox="1"/>
      </xdr:nvSpPr>
      <xdr:spPr>
        <a:xfrm>
          <a:off x="16598900" y="132981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80011</xdr:rowOff>
    </xdr:from>
    <xdr:to>
      <xdr:col>82</xdr:col>
      <xdr:colOff>158750</xdr:colOff>
      <xdr:row>79</xdr:row>
      <xdr:rowOff>10161</xdr:rowOff>
    </xdr:to>
    <xdr:sp macro="" textlink="">
      <xdr:nvSpPr>
        <xdr:cNvPr id="428" name="フローチャート: 判断 427"/>
        <xdr:cNvSpPr/>
      </xdr:nvSpPr>
      <xdr:spPr>
        <a:xfrm>
          <a:off x="16459200" y="1345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15570</xdr:rowOff>
    </xdr:from>
    <xdr:to>
      <xdr:col>78</xdr:col>
      <xdr:colOff>69850</xdr:colOff>
      <xdr:row>80</xdr:row>
      <xdr:rowOff>69850</xdr:rowOff>
    </xdr:to>
    <xdr:cxnSp macro="">
      <xdr:nvCxnSpPr>
        <xdr:cNvPr id="429" name="直線コネクタ 428"/>
        <xdr:cNvCxnSpPr/>
      </xdr:nvCxnSpPr>
      <xdr:spPr>
        <a:xfrm flipV="1">
          <a:off x="14782800" y="13660120"/>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21920</xdr:rowOff>
    </xdr:from>
    <xdr:to>
      <xdr:col>78</xdr:col>
      <xdr:colOff>120650</xdr:colOff>
      <xdr:row>78</xdr:row>
      <xdr:rowOff>52070</xdr:rowOff>
    </xdr:to>
    <xdr:sp macro="" textlink="">
      <xdr:nvSpPr>
        <xdr:cNvPr id="430" name="フローチャート: 判断 429"/>
        <xdr:cNvSpPr/>
      </xdr:nvSpPr>
      <xdr:spPr>
        <a:xfrm>
          <a:off x="156210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62247</xdr:rowOff>
    </xdr:from>
    <xdr:ext cx="736600" cy="259045"/>
    <xdr:sp macro="" textlink="">
      <xdr:nvSpPr>
        <xdr:cNvPr id="431" name="テキスト ボックス 430"/>
        <xdr:cNvSpPr txBox="1"/>
      </xdr:nvSpPr>
      <xdr:spPr>
        <a:xfrm>
          <a:off x="15290800" y="13092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69850</xdr:rowOff>
    </xdr:from>
    <xdr:to>
      <xdr:col>73</xdr:col>
      <xdr:colOff>180975</xdr:colOff>
      <xdr:row>80</xdr:row>
      <xdr:rowOff>107950</xdr:rowOff>
    </xdr:to>
    <xdr:cxnSp macro="">
      <xdr:nvCxnSpPr>
        <xdr:cNvPr id="432" name="直線コネクタ 431"/>
        <xdr:cNvCxnSpPr/>
      </xdr:nvCxnSpPr>
      <xdr:spPr>
        <a:xfrm flipV="1">
          <a:off x="13893800" y="137858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25730</xdr:rowOff>
    </xdr:from>
    <xdr:to>
      <xdr:col>74</xdr:col>
      <xdr:colOff>31750</xdr:colOff>
      <xdr:row>79</xdr:row>
      <xdr:rowOff>55880</xdr:rowOff>
    </xdr:to>
    <xdr:sp macro="" textlink="">
      <xdr:nvSpPr>
        <xdr:cNvPr id="433" name="フローチャート: 判断 432"/>
        <xdr:cNvSpPr/>
      </xdr:nvSpPr>
      <xdr:spPr>
        <a:xfrm>
          <a:off x="14732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66057</xdr:rowOff>
    </xdr:from>
    <xdr:ext cx="762000" cy="259045"/>
    <xdr:sp macro="" textlink="">
      <xdr:nvSpPr>
        <xdr:cNvPr id="434" name="テキスト ボックス 433"/>
        <xdr:cNvSpPr txBox="1"/>
      </xdr:nvSpPr>
      <xdr:spPr>
        <a:xfrm>
          <a:off x="14401800" y="13267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46989</xdr:rowOff>
    </xdr:from>
    <xdr:to>
      <xdr:col>69</xdr:col>
      <xdr:colOff>92075</xdr:colOff>
      <xdr:row>80</xdr:row>
      <xdr:rowOff>107950</xdr:rowOff>
    </xdr:to>
    <xdr:cxnSp macro="">
      <xdr:nvCxnSpPr>
        <xdr:cNvPr id="435" name="直線コネクタ 434"/>
        <xdr:cNvCxnSpPr/>
      </xdr:nvCxnSpPr>
      <xdr:spPr>
        <a:xfrm>
          <a:off x="13004800" y="13762989"/>
          <a:ext cx="889000" cy="60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52400</xdr:rowOff>
    </xdr:from>
    <xdr:to>
      <xdr:col>69</xdr:col>
      <xdr:colOff>142875</xdr:colOff>
      <xdr:row>79</xdr:row>
      <xdr:rowOff>82550</xdr:rowOff>
    </xdr:to>
    <xdr:sp macro="" textlink="">
      <xdr:nvSpPr>
        <xdr:cNvPr id="436" name="フローチャート: 判断 435"/>
        <xdr:cNvSpPr/>
      </xdr:nvSpPr>
      <xdr:spPr>
        <a:xfrm>
          <a:off x="13843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92727</xdr:rowOff>
    </xdr:from>
    <xdr:ext cx="762000" cy="259045"/>
    <xdr:sp macro="" textlink="">
      <xdr:nvSpPr>
        <xdr:cNvPr id="437" name="テキスト ボックス 436"/>
        <xdr:cNvSpPr txBox="1"/>
      </xdr:nvSpPr>
      <xdr:spPr>
        <a:xfrm>
          <a:off x="13512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29539</xdr:rowOff>
    </xdr:from>
    <xdr:to>
      <xdr:col>65</xdr:col>
      <xdr:colOff>53975</xdr:colOff>
      <xdr:row>79</xdr:row>
      <xdr:rowOff>59689</xdr:rowOff>
    </xdr:to>
    <xdr:sp macro="" textlink="">
      <xdr:nvSpPr>
        <xdr:cNvPr id="438" name="フローチャート: 判断 437"/>
        <xdr:cNvSpPr/>
      </xdr:nvSpPr>
      <xdr:spPr>
        <a:xfrm>
          <a:off x="12954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69866</xdr:rowOff>
    </xdr:from>
    <xdr:ext cx="762000" cy="259045"/>
    <xdr:sp macro="" textlink="">
      <xdr:nvSpPr>
        <xdr:cNvPr id="439" name="テキスト ボックス 438"/>
        <xdr:cNvSpPr txBox="1"/>
      </xdr:nvSpPr>
      <xdr:spPr>
        <a:xfrm>
          <a:off x="12623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0" name="テキスト ボックス 439"/>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1" name="テキスト ボックス 440"/>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2" name="テキスト ボックス 441"/>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3" name="テキスト ボックス 442"/>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4" name="テキスト ボックス 443"/>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76200</xdr:rowOff>
    </xdr:from>
    <xdr:to>
      <xdr:col>82</xdr:col>
      <xdr:colOff>158750</xdr:colOff>
      <xdr:row>80</xdr:row>
      <xdr:rowOff>6350</xdr:rowOff>
    </xdr:to>
    <xdr:sp macro="" textlink="">
      <xdr:nvSpPr>
        <xdr:cNvPr id="445" name="楕円 444"/>
        <xdr:cNvSpPr/>
      </xdr:nvSpPr>
      <xdr:spPr>
        <a:xfrm>
          <a:off x="16459200" y="1362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48277</xdr:rowOff>
    </xdr:from>
    <xdr:ext cx="762000" cy="259045"/>
    <xdr:sp macro="" textlink="">
      <xdr:nvSpPr>
        <xdr:cNvPr id="446" name="公債費以外該当値テキスト"/>
        <xdr:cNvSpPr txBox="1"/>
      </xdr:nvSpPr>
      <xdr:spPr>
        <a:xfrm>
          <a:off x="16598900" y="1359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64770</xdr:rowOff>
    </xdr:from>
    <xdr:to>
      <xdr:col>78</xdr:col>
      <xdr:colOff>120650</xdr:colOff>
      <xdr:row>79</xdr:row>
      <xdr:rowOff>166370</xdr:rowOff>
    </xdr:to>
    <xdr:sp macro="" textlink="">
      <xdr:nvSpPr>
        <xdr:cNvPr id="447" name="楕円 446"/>
        <xdr:cNvSpPr/>
      </xdr:nvSpPr>
      <xdr:spPr>
        <a:xfrm>
          <a:off x="15621000" y="1360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51147</xdr:rowOff>
    </xdr:from>
    <xdr:ext cx="736600" cy="259045"/>
    <xdr:sp macro="" textlink="">
      <xdr:nvSpPr>
        <xdr:cNvPr id="448" name="テキスト ボックス 447"/>
        <xdr:cNvSpPr txBox="1"/>
      </xdr:nvSpPr>
      <xdr:spPr>
        <a:xfrm>
          <a:off x="15290800" y="13695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9050</xdr:rowOff>
    </xdr:from>
    <xdr:to>
      <xdr:col>74</xdr:col>
      <xdr:colOff>31750</xdr:colOff>
      <xdr:row>80</xdr:row>
      <xdr:rowOff>120650</xdr:rowOff>
    </xdr:to>
    <xdr:sp macro="" textlink="">
      <xdr:nvSpPr>
        <xdr:cNvPr id="449" name="楕円 448"/>
        <xdr:cNvSpPr/>
      </xdr:nvSpPr>
      <xdr:spPr>
        <a:xfrm>
          <a:off x="14732000" y="1373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05427</xdr:rowOff>
    </xdr:from>
    <xdr:ext cx="762000" cy="259045"/>
    <xdr:sp macro="" textlink="">
      <xdr:nvSpPr>
        <xdr:cNvPr id="450" name="テキスト ボックス 449"/>
        <xdr:cNvSpPr txBox="1"/>
      </xdr:nvSpPr>
      <xdr:spPr>
        <a:xfrm>
          <a:off x="14401800" y="1382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57150</xdr:rowOff>
    </xdr:from>
    <xdr:to>
      <xdr:col>69</xdr:col>
      <xdr:colOff>142875</xdr:colOff>
      <xdr:row>80</xdr:row>
      <xdr:rowOff>158750</xdr:rowOff>
    </xdr:to>
    <xdr:sp macro="" textlink="">
      <xdr:nvSpPr>
        <xdr:cNvPr id="451" name="楕円 450"/>
        <xdr:cNvSpPr/>
      </xdr:nvSpPr>
      <xdr:spPr>
        <a:xfrm>
          <a:off x="13843000" y="1377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43527</xdr:rowOff>
    </xdr:from>
    <xdr:ext cx="762000" cy="259045"/>
    <xdr:sp macro="" textlink="">
      <xdr:nvSpPr>
        <xdr:cNvPr id="452" name="テキスト ボックス 451"/>
        <xdr:cNvSpPr txBox="1"/>
      </xdr:nvSpPr>
      <xdr:spPr>
        <a:xfrm>
          <a:off x="135128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67639</xdr:rowOff>
    </xdr:from>
    <xdr:to>
      <xdr:col>65</xdr:col>
      <xdr:colOff>53975</xdr:colOff>
      <xdr:row>80</xdr:row>
      <xdr:rowOff>97789</xdr:rowOff>
    </xdr:to>
    <xdr:sp macro="" textlink="">
      <xdr:nvSpPr>
        <xdr:cNvPr id="453" name="楕円 452"/>
        <xdr:cNvSpPr/>
      </xdr:nvSpPr>
      <xdr:spPr>
        <a:xfrm>
          <a:off x="12954000" y="1371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82566</xdr:rowOff>
    </xdr:from>
    <xdr:ext cx="762000" cy="259045"/>
    <xdr:sp macro="" textlink="">
      <xdr:nvSpPr>
        <xdr:cNvPr id="454" name="テキスト ボックス 453"/>
        <xdr:cNvSpPr txBox="1"/>
      </xdr:nvSpPr>
      <xdr:spPr>
        <a:xfrm>
          <a:off x="12623800" y="13798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59100</xdr:rowOff>
    </xdr:from>
    <xdr:to>
      <xdr:col>29</xdr:col>
      <xdr:colOff>127000</xdr:colOff>
      <xdr:row>19</xdr:row>
      <xdr:rowOff>152794</xdr:rowOff>
    </xdr:to>
    <xdr:cxnSp macro="">
      <xdr:nvCxnSpPr>
        <xdr:cNvPr id="47" name="直線コネクタ 46"/>
        <xdr:cNvCxnSpPr/>
      </xdr:nvCxnSpPr>
      <xdr:spPr bwMode="auto">
        <a:xfrm flipV="1">
          <a:off x="5651500" y="1992675"/>
          <a:ext cx="0" cy="146529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24871</xdr:rowOff>
    </xdr:from>
    <xdr:ext cx="762000" cy="259045"/>
    <xdr:sp macro="" textlink="">
      <xdr:nvSpPr>
        <xdr:cNvPr id="48" name="人口1人当たり決算額の推移最小値テキスト130"/>
        <xdr:cNvSpPr txBox="1"/>
      </xdr:nvSpPr>
      <xdr:spPr>
        <a:xfrm>
          <a:off x="5740400" y="3430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52794</xdr:rowOff>
    </xdr:from>
    <xdr:to>
      <xdr:col>30</xdr:col>
      <xdr:colOff>25400</xdr:colOff>
      <xdr:row>19</xdr:row>
      <xdr:rowOff>152794</xdr:rowOff>
    </xdr:to>
    <xdr:cxnSp macro="">
      <xdr:nvCxnSpPr>
        <xdr:cNvPr id="49" name="直線コネクタ 48"/>
        <xdr:cNvCxnSpPr/>
      </xdr:nvCxnSpPr>
      <xdr:spPr bwMode="auto">
        <a:xfrm>
          <a:off x="5562600" y="34579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5477</xdr:rowOff>
    </xdr:from>
    <xdr:ext cx="762000" cy="259045"/>
    <xdr:sp macro="" textlink="">
      <xdr:nvSpPr>
        <xdr:cNvPr id="50" name="人口1人当たり決算額の推移最大値テキスト130"/>
        <xdr:cNvSpPr txBox="1"/>
      </xdr:nvSpPr>
      <xdr:spPr>
        <a:xfrm>
          <a:off x="5740400" y="173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59100</xdr:rowOff>
    </xdr:from>
    <xdr:to>
      <xdr:col>30</xdr:col>
      <xdr:colOff>25400</xdr:colOff>
      <xdr:row>11</xdr:row>
      <xdr:rowOff>59100</xdr:rowOff>
    </xdr:to>
    <xdr:cxnSp macro="">
      <xdr:nvCxnSpPr>
        <xdr:cNvPr id="51" name="直線コネクタ 50"/>
        <xdr:cNvCxnSpPr/>
      </xdr:nvCxnSpPr>
      <xdr:spPr bwMode="auto">
        <a:xfrm>
          <a:off x="5562600" y="19926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9413</xdr:rowOff>
    </xdr:from>
    <xdr:to>
      <xdr:col>29</xdr:col>
      <xdr:colOff>127000</xdr:colOff>
      <xdr:row>18</xdr:row>
      <xdr:rowOff>156484</xdr:rowOff>
    </xdr:to>
    <xdr:cxnSp macro="">
      <xdr:nvCxnSpPr>
        <xdr:cNvPr id="52" name="直線コネクタ 51"/>
        <xdr:cNvCxnSpPr/>
      </xdr:nvCxnSpPr>
      <xdr:spPr bwMode="auto">
        <a:xfrm>
          <a:off x="5003800" y="3143138"/>
          <a:ext cx="647700" cy="1470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59542</xdr:rowOff>
    </xdr:from>
    <xdr:ext cx="762000" cy="259045"/>
    <xdr:sp macro="" textlink="">
      <xdr:nvSpPr>
        <xdr:cNvPr id="53" name="人口1人当たり決算額の推移平均値テキスト130"/>
        <xdr:cNvSpPr txBox="1"/>
      </xdr:nvSpPr>
      <xdr:spPr>
        <a:xfrm>
          <a:off x="5740400" y="28503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3015</xdr:rowOff>
    </xdr:from>
    <xdr:to>
      <xdr:col>29</xdr:col>
      <xdr:colOff>177800</xdr:colOff>
      <xdr:row>17</xdr:row>
      <xdr:rowOff>144615</xdr:rowOff>
    </xdr:to>
    <xdr:sp macro="" textlink="">
      <xdr:nvSpPr>
        <xdr:cNvPr id="54" name="フローチャート: 判断 53"/>
        <xdr:cNvSpPr/>
      </xdr:nvSpPr>
      <xdr:spPr bwMode="auto">
        <a:xfrm>
          <a:off x="5600700" y="30052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9413</xdr:rowOff>
    </xdr:from>
    <xdr:to>
      <xdr:col>26</xdr:col>
      <xdr:colOff>50800</xdr:colOff>
      <xdr:row>18</xdr:row>
      <xdr:rowOff>16320</xdr:rowOff>
    </xdr:to>
    <xdr:cxnSp macro="">
      <xdr:nvCxnSpPr>
        <xdr:cNvPr id="55" name="直線コネクタ 54"/>
        <xdr:cNvCxnSpPr/>
      </xdr:nvCxnSpPr>
      <xdr:spPr bwMode="auto">
        <a:xfrm flipV="1">
          <a:off x="4305300" y="3143138"/>
          <a:ext cx="698500" cy="69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58968</xdr:rowOff>
    </xdr:from>
    <xdr:to>
      <xdr:col>26</xdr:col>
      <xdr:colOff>101600</xdr:colOff>
      <xdr:row>17</xdr:row>
      <xdr:rowOff>160568</xdr:rowOff>
    </xdr:to>
    <xdr:sp macro="" textlink="">
      <xdr:nvSpPr>
        <xdr:cNvPr id="56" name="フローチャート: 判断 55"/>
        <xdr:cNvSpPr/>
      </xdr:nvSpPr>
      <xdr:spPr bwMode="auto">
        <a:xfrm>
          <a:off x="49530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70745</xdr:rowOff>
    </xdr:from>
    <xdr:ext cx="736600" cy="259045"/>
    <xdr:sp macro="" textlink="">
      <xdr:nvSpPr>
        <xdr:cNvPr id="57" name="テキスト ボックス 56"/>
        <xdr:cNvSpPr txBox="1"/>
      </xdr:nvSpPr>
      <xdr:spPr>
        <a:xfrm>
          <a:off x="4622800" y="2790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6320</xdr:rowOff>
    </xdr:from>
    <xdr:to>
      <xdr:col>22</xdr:col>
      <xdr:colOff>114300</xdr:colOff>
      <xdr:row>18</xdr:row>
      <xdr:rowOff>35669</xdr:rowOff>
    </xdr:to>
    <xdr:cxnSp macro="">
      <xdr:nvCxnSpPr>
        <xdr:cNvPr id="58" name="直線コネクタ 57"/>
        <xdr:cNvCxnSpPr/>
      </xdr:nvCxnSpPr>
      <xdr:spPr bwMode="auto">
        <a:xfrm flipV="1">
          <a:off x="3606800" y="3150045"/>
          <a:ext cx="698500" cy="19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86155</xdr:rowOff>
    </xdr:from>
    <xdr:to>
      <xdr:col>22</xdr:col>
      <xdr:colOff>165100</xdr:colOff>
      <xdr:row>18</xdr:row>
      <xdr:rowOff>16305</xdr:rowOff>
    </xdr:to>
    <xdr:sp macro="" textlink="">
      <xdr:nvSpPr>
        <xdr:cNvPr id="59" name="フローチャート: 判断 58"/>
        <xdr:cNvSpPr/>
      </xdr:nvSpPr>
      <xdr:spPr bwMode="auto">
        <a:xfrm>
          <a:off x="42545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26482</xdr:rowOff>
    </xdr:from>
    <xdr:ext cx="762000" cy="259045"/>
    <xdr:sp macro="" textlink="">
      <xdr:nvSpPr>
        <xdr:cNvPr id="60" name="テキスト ボックス 59"/>
        <xdr:cNvSpPr txBox="1"/>
      </xdr:nvSpPr>
      <xdr:spPr>
        <a:xfrm>
          <a:off x="3924300" y="2817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35669</xdr:rowOff>
    </xdr:from>
    <xdr:to>
      <xdr:col>18</xdr:col>
      <xdr:colOff>177800</xdr:colOff>
      <xdr:row>18</xdr:row>
      <xdr:rowOff>44111</xdr:rowOff>
    </xdr:to>
    <xdr:cxnSp macro="">
      <xdr:nvCxnSpPr>
        <xdr:cNvPr id="61" name="直線コネクタ 60"/>
        <xdr:cNvCxnSpPr/>
      </xdr:nvCxnSpPr>
      <xdr:spPr bwMode="auto">
        <a:xfrm flipV="1">
          <a:off x="2908300" y="3169394"/>
          <a:ext cx="698500" cy="84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2418</xdr:rowOff>
    </xdr:from>
    <xdr:to>
      <xdr:col>19</xdr:col>
      <xdr:colOff>38100</xdr:colOff>
      <xdr:row>18</xdr:row>
      <xdr:rowOff>32568</xdr:rowOff>
    </xdr:to>
    <xdr:sp macro="" textlink="">
      <xdr:nvSpPr>
        <xdr:cNvPr id="62" name="フローチャート: 判断 61"/>
        <xdr:cNvSpPr/>
      </xdr:nvSpPr>
      <xdr:spPr bwMode="auto">
        <a:xfrm>
          <a:off x="3556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42745</xdr:rowOff>
    </xdr:from>
    <xdr:ext cx="762000" cy="259045"/>
    <xdr:sp macro="" textlink="">
      <xdr:nvSpPr>
        <xdr:cNvPr id="63" name="テキスト ボックス 62"/>
        <xdr:cNvSpPr txBox="1"/>
      </xdr:nvSpPr>
      <xdr:spPr>
        <a:xfrm>
          <a:off x="3225800" y="2833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7545</xdr:rowOff>
    </xdr:from>
    <xdr:to>
      <xdr:col>15</xdr:col>
      <xdr:colOff>101600</xdr:colOff>
      <xdr:row>18</xdr:row>
      <xdr:rowOff>37695</xdr:rowOff>
    </xdr:to>
    <xdr:sp macro="" textlink="">
      <xdr:nvSpPr>
        <xdr:cNvPr id="64" name="フローチャート: 判断 63"/>
        <xdr:cNvSpPr/>
      </xdr:nvSpPr>
      <xdr:spPr bwMode="auto">
        <a:xfrm>
          <a:off x="2857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47872</xdr:rowOff>
    </xdr:from>
    <xdr:ext cx="762000" cy="259045"/>
    <xdr:sp macro="" textlink="">
      <xdr:nvSpPr>
        <xdr:cNvPr id="65" name="テキスト ボックス 64"/>
        <xdr:cNvSpPr txBox="1"/>
      </xdr:nvSpPr>
      <xdr:spPr>
        <a:xfrm>
          <a:off x="25273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05684</xdr:rowOff>
    </xdr:from>
    <xdr:to>
      <xdr:col>29</xdr:col>
      <xdr:colOff>177800</xdr:colOff>
      <xdr:row>19</xdr:row>
      <xdr:rowOff>35834</xdr:rowOff>
    </xdr:to>
    <xdr:sp macro="" textlink="">
      <xdr:nvSpPr>
        <xdr:cNvPr id="71" name="楕円 70"/>
        <xdr:cNvSpPr/>
      </xdr:nvSpPr>
      <xdr:spPr bwMode="auto">
        <a:xfrm>
          <a:off x="5600700" y="32394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77761</xdr:rowOff>
    </xdr:from>
    <xdr:ext cx="762000" cy="259045"/>
    <xdr:sp macro="" textlink="">
      <xdr:nvSpPr>
        <xdr:cNvPr id="72" name="人口1人当たり決算額の推移該当値テキスト130"/>
        <xdr:cNvSpPr txBox="1"/>
      </xdr:nvSpPr>
      <xdr:spPr>
        <a:xfrm>
          <a:off x="5740400" y="3211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30063</xdr:rowOff>
    </xdr:from>
    <xdr:to>
      <xdr:col>26</xdr:col>
      <xdr:colOff>101600</xdr:colOff>
      <xdr:row>18</xdr:row>
      <xdr:rowOff>60213</xdr:rowOff>
    </xdr:to>
    <xdr:sp macro="" textlink="">
      <xdr:nvSpPr>
        <xdr:cNvPr id="73" name="楕円 72"/>
        <xdr:cNvSpPr/>
      </xdr:nvSpPr>
      <xdr:spPr bwMode="auto">
        <a:xfrm>
          <a:off x="4953000" y="30923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44990</xdr:rowOff>
    </xdr:from>
    <xdr:ext cx="736600" cy="259045"/>
    <xdr:sp macro="" textlink="">
      <xdr:nvSpPr>
        <xdr:cNvPr id="74" name="テキスト ボックス 73"/>
        <xdr:cNvSpPr txBox="1"/>
      </xdr:nvSpPr>
      <xdr:spPr>
        <a:xfrm>
          <a:off x="4622800" y="3178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36970</xdr:rowOff>
    </xdr:from>
    <xdr:to>
      <xdr:col>22</xdr:col>
      <xdr:colOff>165100</xdr:colOff>
      <xdr:row>18</xdr:row>
      <xdr:rowOff>67120</xdr:rowOff>
    </xdr:to>
    <xdr:sp macro="" textlink="">
      <xdr:nvSpPr>
        <xdr:cNvPr id="75" name="楕円 74"/>
        <xdr:cNvSpPr/>
      </xdr:nvSpPr>
      <xdr:spPr bwMode="auto">
        <a:xfrm>
          <a:off x="4254500" y="30992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51897</xdr:rowOff>
    </xdr:from>
    <xdr:ext cx="762000" cy="259045"/>
    <xdr:sp macro="" textlink="">
      <xdr:nvSpPr>
        <xdr:cNvPr id="76" name="テキスト ボックス 75"/>
        <xdr:cNvSpPr txBox="1"/>
      </xdr:nvSpPr>
      <xdr:spPr>
        <a:xfrm>
          <a:off x="3924300" y="3185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56319</xdr:rowOff>
    </xdr:from>
    <xdr:to>
      <xdr:col>19</xdr:col>
      <xdr:colOff>38100</xdr:colOff>
      <xdr:row>18</xdr:row>
      <xdr:rowOff>86469</xdr:rowOff>
    </xdr:to>
    <xdr:sp macro="" textlink="">
      <xdr:nvSpPr>
        <xdr:cNvPr id="77" name="楕円 76"/>
        <xdr:cNvSpPr/>
      </xdr:nvSpPr>
      <xdr:spPr bwMode="auto">
        <a:xfrm>
          <a:off x="3556000" y="31185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71246</xdr:rowOff>
    </xdr:from>
    <xdr:ext cx="762000" cy="259045"/>
    <xdr:sp macro="" textlink="">
      <xdr:nvSpPr>
        <xdr:cNvPr id="78" name="テキスト ボックス 77"/>
        <xdr:cNvSpPr txBox="1"/>
      </xdr:nvSpPr>
      <xdr:spPr>
        <a:xfrm>
          <a:off x="3225800" y="3204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4761</xdr:rowOff>
    </xdr:from>
    <xdr:to>
      <xdr:col>15</xdr:col>
      <xdr:colOff>101600</xdr:colOff>
      <xdr:row>18</xdr:row>
      <xdr:rowOff>94911</xdr:rowOff>
    </xdr:to>
    <xdr:sp macro="" textlink="">
      <xdr:nvSpPr>
        <xdr:cNvPr id="79" name="楕円 78"/>
        <xdr:cNvSpPr/>
      </xdr:nvSpPr>
      <xdr:spPr bwMode="auto">
        <a:xfrm>
          <a:off x="2857500" y="31270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9688</xdr:rowOff>
    </xdr:from>
    <xdr:ext cx="762000" cy="259045"/>
    <xdr:sp macro="" textlink="">
      <xdr:nvSpPr>
        <xdr:cNvPr id="80" name="テキスト ボックス 79"/>
        <xdr:cNvSpPr txBox="1"/>
      </xdr:nvSpPr>
      <xdr:spPr>
        <a:xfrm>
          <a:off x="2527300" y="3213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20307</xdr:rowOff>
    </xdr:from>
    <xdr:to>
      <xdr:col>29</xdr:col>
      <xdr:colOff>127000</xdr:colOff>
      <xdr:row>37</xdr:row>
      <xdr:rowOff>189065</xdr:rowOff>
    </xdr:to>
    <xdr:cxnSp macro="">
      <xdr:nvCxnSpPr>
        <xdr:cNvPr id="108" name="直線コネクタ 107"/>
        <xdr:cNvCxnSpPr/>
      </xdr:nvCxnSpPr>
      <xdr:spPr bwMode="auto">
        <a:xfrm flipV="1">
          <a:off x="5651500" y="6144857"/>
          <a:ext cx="0" cy="116890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1142</xdr:rowOff>
    </xdr:from>
    <xdr:ext cx="762000" cy="259045"/>
    <xdr:sp macro="" textlink="">
      <xdr:nvSpPr>
        <xdr:cNvPr id="109" name="人口1人当たり決算額の推移最小値テキスト445"/>
        <xdr:cNvSpPr txBox="1"/>
      </xdr:nvSpPr>
      <xdr:spPr>
        <a:xfrm>
          <a:off x="5740400" y="7285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9065</xdr:rowOff>
    </xdr:from>
    <xdr:to>
      <xdr:col>30</xdr:col>
      <xdr:colOff>25400</xdr:colOff>
      <xdr:row>37</xdr:row>
      <xdr:rowOff>189065</xdr:rowOff>
    </xdr:to>
    <xdr:cxnSp macro="">
      <xdr:nvCxnSpPr>
        <xdr:cNvPr id="110" name="直線コネクタ 109"/>
        <xdr:cNvCxnSpPr/>
      </xdr:nvCxnSpPr>
      <xdr:spPr bwMode="auto">
        <a:xfrm>
          <a:off x="5562600" y="731376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5234</xdr:rowOff>
    </xdr:from>
    <xdr:ext cx="762000" cy="259045"/>
    <xdr:sp macro="" textlink="">
      <xdr:nvSpPr>
        <xdr:cNvPr id="111" name="人口1人当たり決算額の推移最大値テキスト445"/>
        <xdr:cNvSpPr txBox="1"/>
      </xdr:nvSpPr>
      <xdr:spPr>
        <a:xfrm>
          <a:off x="5740400" y="588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20307</xdr:rowOff>
    </xdr:from>
    <xdr:to>
      <xdr:col>30</xdr:col>
      <xdr:colOff>25400</xdr:colOff>
      <xdr:row>33</xdr:row>
      <xdr:rowOff>220307</xdr:rowOff>
    </xdr:to>
    <xdr:cxnSp macro="">
      <xdr:nvCxnSpPr>
        <xdr:cNvPr id="112" name="直線コネクタ 111"/>
        <xdr:cNvCxnSpPr/>
      </xdr:nvCxnSpPr>
      <xdr:spPr bwMode="auto">
        <a:xfrm>
          <a:off x="5562600" y="61448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67126</xdr:rowOff>
    </xdr:from>
    <xdr:to>
      <xdr:col>29</xdr:col>
      <xdr:colOff>127000</xdr:colOff>
      <xdr:row>36</xdr:row>
      <xdr:rowOff>97987</xdr:rowOff>
    </xdr:to>
    <xdr:cxnSp macro="">
      <xdr:nvCxnSpPr>
        <xdr:cNvPr id="113" name="直線コネクタ 112"/>
        <xdr:cNvCxnSpPr/>
      </xdr:nvCxnSpPr>
      <xdr:spPr bwMode="auto">
        <a:xfrm flipV="1">
          <a:off x="5003800" y="7020376"/>
          <a:ext cx="647700" cy="308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1621</xdr:rowOff>
    </xdr:from>
    <xdr:ext cx="762000" cy="259045"/>
    <xdr:sp macro="" textlink="">
      <xdr:nvSpPr>
        <xdr:cNvPr id="114" name="人口1人当たり決算額の推移平均値テキスト445"/>
        <xdr:cNvSpPr txBox="1"/>
      </xdr:nvSpPr>
      <xdr:spPr>
        <a:xfrm>
          <a:off x="5740400" y="6691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6544</xdr:rowOff>
    </xdr:from>
    <xdr:to>
      <xdr:col>29</xdr:col>
      <xdr:colOff>177800</xdr:colOff>
      <xdr:row>35</xdr:row>
      <xdr:rowOff>338144</xdr:rowOff>
    </xdr:to>
    <xdr:sp macro="" textlink="">
      <xdr:nvSpPr>
        <xdr:cNvPr id="115" name="フローチャート: 判断 114"/>
        <xdr:cNvSpPr/>
      </xdr:nvSpPr>
      <xdr:spPr bwMode="auto">
        <a:xfrm>
          <a:off x="5600700" y="68468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97987</xdr:rowOff>
    </xdr:from>
    <xdr:to>
      <xdr:col>26</xdr:col>
      <xdr:colOff>50800</xdr:colOff>
      <xdr:row>36</xdr:row>
      <xdr:rowOff>141992</xdr:rowOff>
    </xdr:to>
    <xdr:cxnSp macro="">
      <xdr:nvCxnSpPr>
        <xdr:cNvPr id="116" name="直線コネクタ 115"/>
        <xdr:cNvCxnSpPr/>
      </xdr:nvCxnSpPr>
      <xdr:spPr bwMode="auto">
        <a:xfrm flipV="1">
          <a:off x="4305300" y="7051237"/>
          <a:ext cx="698500" cy="440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9670</xdr:rowOff>
    </xdr:from>
    <xdr:to>
      <xdr:col>26</xdr:col>
      <xdr:colOff>101600</xdr:colOff>
      <xdr:row>36</xdr:row>
      <xdr:rowOff>18370</xdr:rowOff>
    </xdr:to>
    <xdr:sp macro="" textlink="">
      <xdr:nvSpPr>
        <xdr:cNvPr id="117" name="フローチャート: 判断 116"/>
        <xdr:cNvSpPr/>
      </xdr:nvSpPr>
      <xdr:spPr bwMode="auto">
        <a:xfrm>
          <a:off x="49530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547</xdr:rowOff>
    </xdr:from>
    <xdr:ext cx="736600" cy="259045"/>
    <xdr:sp macro="" textlink="">
      <xdr:nvSpPr>
        <xdr:cNvPr id="118" name="テキスト ボックス 117"/>
        <xdr:cNvSpPr txBox="1"/>
      </xdr:nvSpPr>
      <xdr:spPr>
        <a:xfrm>
          <a:off x="4622800" y="6638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07359</xdr:rowOff>
    </xdr:from>
    <xdr:to>
      <xdr:col>22</xdr:col>
      <xdr:colOff>114300</xdr:colOff>
      <xdr:row>36</xdr:row>
      <xdr:rowOff>141992</xdr:rowOff>
    </xdr:to>
    <xdr:cxnSp macro="">
      <xdr:nvCxnSpPr>
        <xdr:cNvPr id="119" name="直線コネクタ 118"/>
        <xdr:cNvCxnSpPr/>
      </xdr:nvCxnSpPr>
      <xdr:spPr bwMode="auto">
        <a:xfrm>
          <a:off x="3606800" y="7060609"/>
          <a:ext cx="698500" cy="346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2186</xdr:rowOff>
    </xdr:from>
    <xdr:to>
      <xdr:col>22</xdr:col>
      <xdr:colOff>165100</xdr:colOff>
      <xdr:row>36</xdr:row>
      <xdr:rowOff>30886</xdr:rowOff>
    </xdr:to>
    <xdr:sp macro="" textlink="">
      <xdr:nvSpPr>
        <xdr:cNvPr id="120" name="フローチャート: 判断 119"/>
        <xdr:cNvSpPr/>
      </xdr:nvSpPr>
      <xdr:spPr bwMode="auto">
        <a:xfrm>
          <a:off x="4254500" y="68825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063</xdr:rowOff>
    </xdr:from>
    <xdr:ext cx="762000" cy="259045"/>
    <xdr:sp macro="" textlink="">
      <xdr:nvSpPr>
        <xdr:cNvPr id="121" name="テキスト ボックス 120"/>
        <xdr:cNvSpPr txBox="1"/>
      </xdr:nvSpPr>
      <xdr:spPr>
        <a:xfrm>
          <a:off x="3924300" y="6651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06311</xdr:rowOff>
    </xdr:from>
    <xdr:to>
      <xdr:col>18</xdr:col>
      <xdr:colOff>177800</xdr:colOff>
      <xdr:row>36</xdr:row>
      <xdr:rowOff>107359</xdr:rowOff>
    </xdr:to>
    <xdr:cxnSp macro="">
      <xdr:nvCxnSpPr>
        <xdr:cNvPr id="122" name="直線コネクタ 121"/>
        <xdr:cNvCxnSpPr/>
      </xdr:nvCxnSpPr>
      <xdr:spPr bwMode="auto">
        <a:xfrm>
          <a:off x="2908300" y="7059561"/>
          <a:ext cx="698500" cy="10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0948</xdr:rowOff>
    </xdr:from>
    <xdr:to>
      <xdr:col>19</xdr:col>
      <xdr:colOff>38100</xdr:colOff>
      <xdr:row>36</xdr:row>
      <xdr:rowOff>29648</xdr:rowOff>
    </xdr:to>
    <xdr:sp macro="" textlink="">
      <xdr:nvSpPr>
        <xdr:cNvPr id="123" name="フローチャート: 判断 122"/>
        <xdr:cNvSpPr/>
      </xdr:nvSpPr>
      <xdr:spPr bwMode="auto">
        <a:xfrm>
          <a:off x="35560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9825</xdr:rowOff>
    </xdr:from>
    <xdr:ext cx="762000" cy="259045"/>
    <xdr:sp macro="" textlink="">
      <xdr:nvSpPr>
        <xdr:cNvPr id="124" name="テキスト ボックス 123"/>
        <xdr:cNvSpPr txBox="1"/>
      </xdr:nvSpPr>
      <xdr:spPr>
        <a:xfrm>
          <a:off x="32258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8129</xdr:rowOff>
    </xdr:from>
    <xdr:to>
      <xdr:col>15</xdr:col>
      <xdr:colOff>101600</xdr:colOff>
      <xdr:row>36</xdr:row>
      <xdr:rowOff>26829</xdr:rowOff>
    </xdr:to>
    <xdr:sp macro="" textlink="">
      <xdr:nvSpPr>
        <xdr:cNvPr id="125" name="フローチャート: 判断 124"/>
        <xdr:cNvSpPr/>
      </xdr:nvSpPr>
      <xdr:spPr bwMode="auto">
        <a:xfrm>
          <a:off x="28575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7006</xdr:rowOff>
    </xdr:from>
    <xdr:ext cx="762000" cy="259045"/>
    <xdr:sp macro="" textlink="">
      <xdr:nvSpPr>
        <xdr:cNvPr id="126" name="テキスト ボックス 125"/>
        <xdr:cNvSpPr txBox="1"/>
      </xdr:nvSpPr>
      <xdr:spPr>
        <a:xfrm>
          <a:off x="25273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6326</xdr:rowOff>
    </xdr:from>
    <xdr:to>
      <xdr:col>29</xdr:col>
      <xdr:colOff>177800</xdr:colOff>
      <xdr:row>36</xdr:row>
      <xdr:rowOff>117926</xdr:rowOff>
    </xdr:to>
    <xdr:sp macro="" textlink="">
      <xdr:nvSpPr>
        <xdr:cNvPr id="132" name="楕円 131"/>
        <xdr:cNvSpPr/>
      </xdr:nvSpPr>
      <xdr:spPr bwMode="auto">
        <a:xfrm>
          <a:off x="5600700" y="69695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1303</xdr:rowOff>
    </xdr:from>
    <xdr:ext cx="762000" cy="259045"/>
    <xdr:sp macro="" textlink="">
      <xdr:nvSpPr>
        <xdr:cNvPr id="133" name="人口1人当たり決算額の推移該当値テキスト445"/>
        <xdr:cNvSpPr txBox="1"/>
      </xdr:nvSpPr>
      <xdr:spPr>
        <a:xfrm>
          <a:off x="5740400" y="6941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47187</xdr:rowOff>
    </xdr:from>
    <xdr:to>
      <xdr:col>26</xdr:col>
      <xdr:colOff>101600</xdr:colOff>
      <xdr:row>36</xdr:row>
      <xdr:rowOff>148787</xdr:rowOff>
    </xdr:to>
    <xdr:sp macro="" textlink="">
      <xdr:nvSpPr>
        <xdr:cNvPr id="134" name="楕円 133"/>
        <xdr:cNvSpPr/>
      </xdr:nvSpPr>
      <xdr:spPr bwMode="auto">
        <a:xfrm>
          <a:off x="4953000" y="70004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33564</xdr:rowOff>
    </xdr:from>
    <xdr:ext cx="736600" cy="259045"/>
    <xdr:sp macro="" textlink="">
      <xdr:nvSpPr>
        <xdr:cNvPr id="135" name="テキスト ボックス 134"/>
        <xdr:cNvSpPr txBox="1"/>
      </xdr:nvSpPr>
      <xdr:spPr>
        <a:xfrm>
          <a:off x="4622800" y="70868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91192</xdr:rowOff>
    </xdr:from>
    <xdr:to>
      <xdr:col>22</xdr:col>
      <xdr:colOff>165100</xdr:colOff>
      <xdr:row>37</xdr:row>
      <xdr:rowOff>21342</xdr:rowOff>
    </xdr:to>
    <xdr:sp macro="" textlink="">
      <xdr:nvSpPr>
        <xdr:cNvPr id="136" name="楕円 135"/>
        <xdr:cNvSpPr/>
      </xdr:nvSpPr>
      <xdr:spPr bwMode="auto">
        <a:xfrm>
          <a:off x="4254500" y="70444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6119</xdr:rowOff>
    </xdr:from>
    <xdr:ext cx="762000" cy="259045"/>
    <xdr:sp macro="" textlink="">
      <xdr:nvSpPr>
        <xdr:cNvPr id="137" name="テキスト ボックス 136"/>
        <xdr:cNvSpPr txBox="1"/>
      </xdr:nvSpPr>
      <xdr:spPr>
        <a:xfrm>
          <a:off x="3924300" y="7130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56559</xdr:rowOff>
    </xdr:from>
    <xdr:to>
      <xdr:col>19</xdr:col>
      <xdr:colOff>38100</xdr:colOff>
      <xdr:row>36</xdr:row>
      <xdr:rowOff>158159</xdr:rowOff>
    </xdr:to>
    <xdr:sp macro="" textlink="">
      <xdr:nvSpPr>
        <xdr:cNvPr id="138" name="楕円 137"/>
        <xdr:cNvSpPr/>
      </xdr:nvSpPr>
      <xdr:spPr bwMode="auto">
        <a:xfrm>
          <a:off x="3556000" y="70098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42936</xdr:rowOff>
    </xdr:from>
    <xdr:ext cx="762000" cy="259045"/>
    <xdr:sp macro="" textlink="">
      <xdr:nvSpPr>
        <xdr:cNvPr id="139" name="テキスト ボックス 138"/>
        <xdr:cNvSpPr txBox="1"/>
      </xdr:nvSpPr>
      <xdr:spPr>
        <a:xfrm>
          <a:off x="3225800" y="7096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5511</xdr:rowOff>
    </xdr:from>
    <xdr:to>
      <xdr:col>15</xdr:col>
      <xdr:colOff>101600</xdr:colOff>
      <xdr:row>36</xdr:row>
      <xdr:rowOff>157111</xdr:rowOff>
    </xdr:to>
    <xdr:sp macro="" textlink="">
      <xdr:nvSpPr>
        <xdr:cNvPr id="140" name="楕円 139"/>
        <xdr:cNvSpPr/>
      </xdr:nvSpPr>
      <xdr:spPr bwMode="auto">
        <a:xfrm>
          <a:off x="2857500" y="70087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41888</xdr:rowOff>
    </xdr:from>
    <xdr:ext cx="762000" cy="259045"/>
    <xdr:sp macro="" textlink="">
      <xdr:nvSpPr>
        <xdr:cNvPr id="141" name="テキスト ボックス 140"/>
        <xdr:cNvSpPr txBox="1"/>
      </xdr:nvSpPr>
      <xdr:spPr>
        <a:xfrm>
          <a:off x="2527300" y="7095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3
48,001
13.34
20,901,741
18,851,296
1,947,164
10,338,887
6,858,9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25546</xdr:rowOff>
    </xdr:from>
    <xdr:to>
      <xdr:col>24</xdr:col>
      <xdr:colOff>62865</xdr:colOff>
      <xdr:row>38</xdr:row>
      <xdr:rowOff>164370</xdr:rowOff>
    </xdr:to>
    <xdr:cxnSp macro="">
      <xdr:nvCxnSpPr>
        <xdr:cNvPr id="56" name="直線コネクタ 55"/>
        <xdr:cNvCxnSpPr/>
      </xdr:nvCxnSpPr>
      <xdr:spPr>
        <a:xfrm flipV="1">
          <a:off x="4633595" y="5097596"/>
          <a:ext cx="1270" cy="1581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8197</xdr:rowOff>
    </xdr:from>
    <xdr:ext cx="534377" cy="259045"/>
    <xdr:sp macro="" textlink="">
      <xdr:nvSpPr>
        <xdr:cNvPr id="57" name="人件費最小値テキスト"/>
        <xdr:cNvSpPr txBox="1"/>
      </xdr:nvSpPr>
      <xdr:spPr>
        <a:xfrm>
          <a:off x="4686300" y="668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4370</xdr:rowOff>
    </xdr:from>
    <xdr:to>
      <xdr:col>24</xdr:col>
      <xdr:colOff>152400</xdr:colOff>
      <xdr:row>38</xdr:row>
      <xdr:rowOff>164370</xdr:rowOff>
    </xdr:to>
    <xdr:cxnSp macro="">
      <xdr:nvCxnSpPr>
        <xdr:cNvPr id="58" name="直線コネクタ 57"/>
        <xdr:cNvCxnSpPr/>
      </xdr:nvCxnSpPr>
      <xdr:spPr>
        <a:xfrm>
          <a:off x="4546600" y="667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72223</xdr:rowOff>
    </xdr:from>
    <xdr:ext cx="599010" cy="259045"/>
    <xdr:sp macro="" textlink="">
      <xdr:nvSpPr>
        <xdr:cNvPr id="59" name="人件費最大値テキスト"/>
        <xdr:cNvSpPr txBox="1"/>
      </xdr:nvSpPr>
      <xdr:spPr>
        <a:xfrm>
          <a:off x="4686300" y="4872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25546</xdr:rowOff>
    </xdr:from>
    <xdr:to>
      <xdr:col>24</xdr:col>
      <xdr:colOff>152400</xdr:colOff>
      <xdr:row>29</xdr:row>
      <xdr:rowOff>125546</xdr:rowOff>
    </xdr:to>
    <xdr:cxnSp macro="">
      <xdr:nvCxnSpPr>
        <xdr:cNvPr id="60" name="直線コネクタ 59"/>
        <xdr:cNvCxnSpPr/>
      </xdr:nvCxnSpPr>
      <xdr:spPr>
        <a:xfrm>
          <a:off x="4546600" y="5097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29705</xdr:rowOff>
    </xdr:from>
    <xdr:to>
      <xdr:col>24</xdr:col>
      <xdr:colOff>63500</xdr:colOff>
      <xdr:row>37</xdr:row>
      <xdr:rowOff>23838</xdr:rowOff>
    </xdr:to>
    <xdr:cxnSp macro="">
      <xdr:nvCxnSpPr>
        <xdr:cNvPr id="61" name="直線コネクタ 60"/>
        <xdr:cNvCxnSpPr/>
      </xdr:nvCxnSpPr>
      <xdr:spPr>
        <a:xfrm>
          <a:off x="3797300" y="6201905"/>
          <a:ext cx="838200" cy="165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4092</xdr:rowOff>
    </xdr:from>
    <xdr:ext cx="534377" cy="259045"/>
    <xdr:sp macro="" textlink="">
      <xdr:nvSpPr>
        <xdr:cNvPr id="62" name="人件費平均値テキスト"/>
        <xdr:cNvSpPr txBox="1"/>
      </xdr:nvSpPr>
      <xdr:spPr>
        <a:xfrm>
          <a:off x="4686300" y="60448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1215</xdr:rowOff>
    </xdr:from>
    <xdr:to>
      <xdr:col>24</xdr:col>
      <xdr:colOff>114300</xdr:colOff>
      <xdr:row>36</xdr:row>
      <xdr:rowOff>122815</xdr:rowOff>
    </xdr:to>
    <xdr:sp macro="" textlink="">
      <xdr:nvSpPr>
        <xdr:cNvPr id="63" name="フローチャート: 判断 62"/>
        <xdr:cNvSpPr/>
      </xdr:nvSpPr>
      <xdr:spPr>
        <a:xfrm>
          <a:off x="4584700" y="619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29705</xdr:rowOff>
    </xdr:from>
    <xdr:to>
      <xdr:col>19</xdr:col>
      <xdr:colOff>177800</xdr:colOff>
      <xdr:row>36</xdr:row>
      <xdr:rowOff>34658</xdr:rowOff>
    </xdr:to>
    <xdr:cxnSp macro="">
      <xdr:nvCxnSpPr>
        <xdr:cNvPr id="64" name="直線コネクタ 63"/>
        <xdr:cNvCxnSpPr/>
      </xdr:nvCxnSpPr>
      <xdr:spPr>
        <a:xfrm flipV="1">
          <a:off x="2908300" y="6201905"/>
          <a:ext cx="889000" cy="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0321</xdr:rowOff>
    </xdr:from>
    <xdr:to>
      <xdr:col>20</xdr:col>
      <xdr:colOff>38100</xdr:colOff>
      <xdr:row>36</xdr:row>
      <xdr:rowOff>131921</xdr:rowOff>
    </xdr:to>
    <xdr:sp macro="" textlink="">
      <xdr:nvSpPr>
        <xdr:cNvPr id="65" name="フローチャート: 判断 64"/>
        <xdr:cNvSpPr/>
      </xdr:nvSpPr>
      <xdr:spPr>
        <a:xfrm>
          <a:off x="37465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3048</xdr:rowOff>
    </xdr:from>
    <xdr:ext cx="534377" cy="259045"/>
    <xdr:sp macro="" textlink="">
      <xdr:nvSpPr>
        <xdr:cNvPr id="66" name="テキスト ボックス 65"/>
        <xdr:cNvSpPr txBox="1"/>
      </xdr:nvSpPr>
      <xdr:spPr>
        <a:xfrm>
          <a:off x="3530111" y="6295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34658</xdr:rowOff>
    </xdr:from>
    <xdr:to>
      <xdr:col>15</xdr:col>
      <xdr:colOff>50800</xdr:colOff>
      <xdr:row>36</xdr:row>
      <xdr:rowOff>103772</xdr:rowOff>
    </xdr:to>
    <xdr:cxnSp macro="">
      <xdr:nvCxnSpPr>
        <xdr:cNvPr id="67" name="直線コネクタ 66"/>
        <xdr:cNvCxnSpPr/>
      </xdr:nvCxnSpPr>
      <xdr:spPr>
        <a:xfrm flipV="1">
          <a:off x="2019300" y="6206858"/>
          <a:ext cx="889000" cy="69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6877</xdr:rowOff>
    </xdr:from>
    <xdr:to>
      <xdr:col>15</xdr:col>
      <xdr:colOff>101600</xdr:colOff>
      <xdr:row>36</xdr:row>
      <xdr:rowOff>158477</xdr:rowOff>
    </xdr:to>
    <xdr:sp macro="" textlink="">
      <xdr:nvSpPr>
        <xdr:cNvPr id="68" name="フローチャート: 判断 67"/>
        <xdr:cNvSpPr/>
      </xdr:nvSpPr>
      <xdr:spPr>
        <a:xfrm>
          <a:off x="2857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9604</xdr:rowOff>
    </xdr:from>
    <xdr:ext cx="534377" cy="259045"/>
    <xdr:sp macro="" textlink="">
      <xdr:nvSpPr>
        <xdr:cNvPr id="69" name="テキスト ボックス 68"/>
        <xdr:cNvSpPr txBox="1"/>
      </xdr:nvSpPr>
      <xdr:spPr>
        <a:xfrm>
          <a:off x="2641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3772</xdr:rowOff>
    </xdr:from>
    <xdr:to>
      <xdr:col>10</xdr:col>
      <xdr:colOff>114300</xdr:colOff>
      <xdr:row>36</xdr:row>
      <xdr:rowOff>118192</xdr:rowOff>
    </xdr:to>
    <xdr:cxnSp macro="">
      <xdr:nvCxnSpPr>
        <xdr:cNvPr id="70" name="直線コネクタ 69"/>
        <xdr:cNvCxnSpPr/>
      </xdr:nvCxnSpPr>
      <xdr:spPr>
        <a:xfrm flipV="1">
          <a:off x="1130300" y="6275972"/>
          <a:ext cx="889000" cy="14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653</xdr:rowOff>
    </xdr:from>
    <xdr:to>
      <xdr:col>10</xdr:col>
      <xdr:colOff>165100</xdr:colOff>
      <xdr:row>37</xdr:row>
      <xdr:rowOff>117253</xdr:rowOff>
    </xdr:to>
    <xdr:sp macro="" textlink="">
      <xdr:nvSpPr>
        <xdr:cNvPr id="71" name="フローチャート: 判断 70"/>
        <xdr:cNvSpPr/>
      </xdr:nvSpPr>
      <xdr:spPr>
        <a:xfrm>
          <a:off x="1968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8380</xdr:rowOff>
    </xdr:from>
    <xdr:ext cx="534377" cy="259045"/>
    <xdr:sp macro="" textlink="">
      <xdr:nvSpPr>
        <xdr:cNvPr id="72" name="テキスト ボックス 71"/>
        <xdr:cNvSpPr txBox="1"/>
      </xdr:nvSpPr>
      <xdr:spPr>
        <a:xfrm>
          <a:off x="1752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2435</xdr:rowOff>
    </xdr:from>
    <xdr:to>
      <xdr:col>6</xdr:col>
      <xdr:colOff>38100</xdr:colOff>
      <xdr:row>37</xdr:row>
      <xdr:rowOff>124035</xdr:rowOff>
    </xdr:to>
    <xdr:sp macro="" textlink="">
      <xdr:nvSpPr>
        <xdr:cNvPr id="73" name="フローチャート: 判断 72"/>
        <xdr:cNvSpPr/>
      </xdr:nvSpPr>
      <xdr:spPr>
        <a:xfrm>
          <a:off x="1079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5162</xdr:rowOff>
    </xdr:from>
    <xdr:ext cx="534377" cy="259045"/>
    <xdr:sp macro="" textlink="">
      <xdr:nvSpPr>
        <xdr:cNvPr id="74" name="テキスト ボックス 73"/>
        <xdr:cNvSpPr txBox="1"/>
      </xdr:nvSpPr>
      <xdr:spPr>
        <a:xfrm>
          <a:off x="863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4488</xdr:rowOff>
    </xdr:from>
    <xdr:to>
      <xdr:col>24</xdr:col>
      <xdr:colOff>114300</xdr:colOff>
      <xdr:row>37</xdr:row>
      <xdr:rowOff>74638</xdr:rowOff>
    </xdr:to>
    <xdr:sp macro="" textlink="">
      <xdr:nvSpPr>
        <xdr:cNvPr id="80" name="楕円 79"/>
        <xdr:cNvSpPr/>
      </xdr:nvSpPr>
      <xdr:spPr>
        <a:xfrm>
          <a:off x="4584700" y="6316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22915</xdr:rowOff>
    </xdr:from>
    <xdr:ext cx="534377" cy="259045"/>
    <xdr:sp macro="" textlink="">
      <xdr:nvSpPr>
        <xdr:cNvPr id="81" name="人件費該当値テキスト"/>
        <xdr:cNvSpPr txBox="1"/>
      </xdr:nvSpPr>
      <xdr:spPr>
        <a:xfrm>
          <a:off x="4686300" y="6295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50355</xdr:rowOff>
    </xdr:from>
    <xdr:to>
      <xdr:col>20</xdr:col>
      <xdr:colOff>38100</xdr:colOff>
      <xdr:row>36</xdr:row>
      <xdr:rowOff>80505</xdr:rowOff>
    </xdr:to>
    <xdr:sp macro="" textlink="">
      <xdr:nvSpPr>
        <xdr:cNvPr id="82" name="楕円 81"/>
        <xdr:cNvSpPr/>
      </xdr:nvSpPr>
      <xdr:spPr>
        <a:xfrm>
          <a:off x="3746500" y="6151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97032</xdr:rowOff>
    </xdr:from>
    <xdr:ext cx="534377" cy="259045"/>
    <xdr:sp macro="" textlink="">
      <xdr:nvSpPr>
        <xdr:cNvPr id="83" name="テキスト ボックス 82"/>
        <xdr:cNvSpPr txBox="1"/>
      </xdr:nvSpPr>
      <xdr:spPr>
        <a:xfrm>
          <a:off x="3530111" y="5926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55308</xdr:rowOff>
    </xdr:from>
    <xdr:to>
      <xdr:col>15</xdr:col>
      <xdr:colOff>101600</xdr:colOff>
      <xdr:row>36</xdr:row>
      <xdr:rowOff>85458</xdr:rowOff>
    </xdr:to>
    <xdr:sp macro="" textlink="">
      <xdr:nvSpPr>
        <xdr:cNvPr id="84" name="楕円 83"/>
        <xdr:cNvSpPr/>
      </xdr:nvSpPr>
      <xdr:spPr>
        <a:xfrm>
          <a:off x="2857500" y="615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01985</xdr:rowOff>
    </xdr:from>
    <xdr:ext cx="534377" cy="259045"/>
    <xdr:sp macro="" textlink="">
      <xdr:nvSpPr>
        <xdr:cNvPr id="85" name="テキスト ボックス 84"/>
        <xdr:cNvSpPr txBox="1"/>
      </xdr:nvSpPr>
      <xdr:spPr>
        <a:xfrm>
          <a:off x="2641111" y="5931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2972</xdr:rowOff>
    </xdr:from>
    <xdr:to>
      <xdr:col>10</xdr:col>
      <xdr:colOff>165100</xdr:colOff>
      <xdr:row>36</xdr:row>
      <xdr:rowOff>154572</xdr:rowOff>
    </xdr:to>
    <xdr:sp macro="" textlink="">
      <xdr:nvSpPr>
        <xdr:cNvPr id="86" name="楕円 85"/>
        <xdr:cNvSpPr/>
      </xdr:nvSpPr>
      <xdr:spPr>
        <a:xfrm>
          <a:off x="1968500" y="6225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71099</xdr:rowOff>
    </xdr:from>
    <xdr:ext cx="534377" cy="259045"/>
    <xdr:sp macro="" textlink="">
      <xdr:nvSpPr>
        <xdr:cNvPr id="87" name="テキスト ボックス 86"/>
        <xdr:cNvSpPr txBox="1"/>
      </xdr:nvSpPr>
      <xdr:spPr>
        <a:xfrm>
          <a:off x="1752111" y="6000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67392</xdr:rowOff>
    </xdr:from>
    <xdr:to>
      <xdr:col>6</xdr:col>
      <xdr:colOff>38100</xdr:colOff>
      <xdr:row>36</xdr:row>
      <xdr:rowOff>168992</xdr:rowOff>
    </xdr:to>
    <xdr:sp macro="" textlink="">
      <xdr:nvSpPr>
        <xdr:cNvPr id="88" name="楕円 87"/>
        <xdr:cNvSpPr/>
      </xdr:nvSpPr>
      <xdr:spPr>
        <a:xfrm>
          <a:off x="1079500" y="6239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4069</xdr:rowOff>
    </xdr:from>
    <xdr:ext cx="534377" cy="259045"/>
    <xdr:sp macro="" textlink="">
      <xdr:nvSpPr>
        <xdr:cNvPr id="89" name="テキスト ボックス 88"/>
        <xdr:cNvSpPr txBox="1"/>
      </xdr:nvSpPr>
      <xdr:spPr>
        <a:xfrm>
          <a:off x="863111" y="6014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8926</xdr:rowOff>
    </xdr:from>
    <xdr:to>
      <xdr:col>24</xdr:col>
      <xdr:colOff>62865</xdr:colOff>
      <xdr:row>59</xdr:row>
      <xdr:rowOff>83533</xdr:rowOff>
    </xdr:to>
    <xdr:cxnSp macro="">
      <xdr:nvCxnSpPr>
        <xdr:cNvPr id="114" name="直線コネクタ 113"/>
        <xdr:cNvCxnSpPr/>
      </xdr:nvCxnSpPr>
      <xdr:spPr>
        <a:xfrm flipV="1">
          <a:off x="4633595" y="8842876"/>
          <a:ext cx="1270" cy="1356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7360</xdr:rowOff>
    </xdr:from>
    <xdr:ext cx="534377" cy="259045"/>
    <xdr:sp macro="" textlink="">
      <xdr:nvSpPr>
        <xdr:cNvPr id="115" name="物件費最小値テキスト"/>
        <xdr:cNvSpPr txBox="1"/>
      </xdr:nvSpPr>
      <xdr:spPr>
        <a:xfrm>
          <a:off x="4686300" y="10202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3533</xdr:rowOff>
    </xdr:from>
    <xdr:to>
      <xdr:col>24</xdr:col>
      <xdr:colOff>152400</xdr:colOff>
      <xdr:row>59</xdr:row>
      <xdr:rowOff>83533</xdr:rowOff>
    </xdr:to>
    <xdr:cxnSp macro="">
      <xdr:nvCxnSpPr>
        <xdr:cNvPr id="116" name="直線コネクタ 115"/>
        <xdr:cNvCxnSpPr/>
      </xdr:nvCxnSpPr>
      <xdr:spPr>
        <a:xfrm>
          <a:off x="4546600" y="10199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5603</xdr:rowOff>
    </xdr:from>
    <xdr:ext cx="599010" cy="259045"/>
    <xdr:sp macro="" textlink="">
      <xdr:nvSpPr>
        <xdr:cNvPr id="117" name="物件費最大値テキスト"/>
        <xdr:cNvSpPr txBox="1"/>
      </xdr:nvSpPr>
      <xdr:spPr>
        <a:xfrm>
          <a:off x="4686300" y="86181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98926</xdr:rowOff>
    </xdr:from>
    <xdr:to>
      <xdr:col>24</xdr:col>
      <xdr:colOff>152400</xdr:colOff>
      <xdr:row>51</xdr:row>
      <xdr:rowOff>98926</xdr:rowOff>
    </xdr:to>
    <xdr:cxnSp macro="">
      <xdr:nvCxnSpPr>
        <xdr:cNvPr id="118" name="直線コネクタ 117"/>
        <xdr:cNvCxnSpPr/>
      </xdr:nvCxnSpPr>
      <xdr:spPr>
        <a:xfrm>
          <a:off x="4546600" y="8842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45958</xdr:rowOff>
    </xdr:from>
    <xdr:to>
      <xdr:col>24</xdr:col>
      <xdr:colOff>63500</xdr:colOff>
      <xdr:row>58</xdr:row>
      <xdr:rowOff>92395</xdr:rowOff>
    </xdr:to>
    <xdr:cxnSp macro="">
      <xdr:nvCxnSpPr>
        <xdr:cNvPr id="119" name="直線コネクタ 118"/>
        <xdr:cNvCxnSpPr/>
      </xdr:nvCxnSpPr>
      <xdr:spPr>
        <a:xfrm flipV="1">
          <a:off x="3797300" y="9990058"/>
          <a:ext cx="838200" cy="46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331</xdr:rowOff>
    </xdr:from>
    <xdr:ext cx="534377" cy="259045"/>
    <xdr:sp macro="" textlink="">
      <xdr:nvSpPr>
        <xdr:cNvPr id="120" name="物件費平均値テキスト"/>
        <xdr:cNvSpPr txBox="1"/>
      </xdr:nvSpPr>
      <xdr:spPr>
        <a:xfrm>
          <a:off x="4686300" y="97789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4904</xdr:rowOff>
    </xdr:from>
    <xdr:to>
      <xdr:col>24</xdr:col>
      <xdr:colOff>114300</xdr:colOff>
      <xdr:row>58</xdr:row>
      <xdr:rowOff>85054</xdr:rowOff>
    </xdr:to>
    <xdr:sp macro="" textlink="">
      <xdr:nvSpPr>
        <xdr:cNvPr id="121" name="フローチャート: 判断 120"/>
        <xdr:cNvSpPr/>
      </xdr:nvSpPr>
      <xdr:spPr>
        <a:xfrm>
          <a:off x="4584700" y="992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92395</xdr:rowOff>
    </xdr:from>
    <xdr:to>
      <xdr:col>19</xdr:col>
      <xdr:colOff>177800</xdr:colOff>
      <xdr:row>58</xdr:row>
      <xdr:rowOff>131546</xdr:rowOff>
    </xdr:to>
    <xdr:cxnSp macro="">
      <xdr:nvCxnSpPr>
        <xdr:cNvPr id="122" name="直線コネクタ 121"/>
        <xdr:cNvCxnSpPr/>
      </xdr:nvCxnSpPr>
      <xdr:spPr>
        <a:xfrm flipV="1">
          <a:off x="2908300" y="10036495"/>
          <a:ext cx="889000" cy="39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9710</xdr:rowOff>
    </xdr:from>
    <xdr:to>
      <xdr:col>20</xdr:col>
      <xdr:colOff>38100</xdr:colOff>
      <xdr:row>58</xdr:row>
      <xdr:rowOff>121310</xdr:rowOff>
    </xdr:to>
    <xdr:sp macro="" textlink="">
      <xdr:nvSpPr>
        <xdr:cNvPr id="123" name="フローチャート: 判断 122"/>
        <xdr:cNvSpPr/>
      </xdr:nvSpPr>
      <xdr:spPr>
        <a:xfrm>
          <a:off x="3746500" y="99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7837</xdr:rowOff>
    </xdr:from>
    <xdr:ext cx="534377" cy="259045"/>
    <xdr:sp macro="" textlink="">
      <xdr:nvSpPr>
        <xdr:cNvPr id="124" name="テキスト ボックス 123"/>
        <xdr:cNvSpPr txBox="1"/>
      </xdr:nvSpPr>
      <xdr:spPr>
        <a:xfrm>
          <a:off x="3530111" y="9739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31546</xdr:rowOff>
    </xdr:from>
    <xdr:to>
      <xdr:col>15</xdr:col>
      <xdr:colOff>50800</xdr:colOff>
      <xdr:row>58</xdr:row>
      <xdr:rowOff>154681</xdr:rowOff>
    </xdr:to>
    <xdr:cxnSp macro="">
      <xdr:nvCxnSpPr>
        <xdr:cNvPr id="125" name="直線コネクタ 124"/>
        <xdr:cNvCxnSpPr/>
      </xdr:nvCxnSpPr>
      <xdr:spPr>
        <a:xfrm flipV="1">
          <a:off x="2019300" y="10075646"/>
          <a:ext cx="889000" cy="23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2519</xdr:rowOff>
    </xdr:from>
    <xdr:to>
      <xdr:col>15</xdr:col>
      <xdr:colOff>101600</xdr:colOff>
      <xdr:row>58</xdr:row>
      <xdr:rowOff>164119</xdr:rowOff>
    </xdr:to>
    <xdr:sp macro="" textlink="">
      <xdr:nvSpPr>
        <xdr:cNvPr id="126" name="フローチャート: 判断 125"/>
        <xdr:cNvSpPr/>
      </xdr:nvSpPr>
      <xdr:spPr>
        <a:xfrm>
          <a:off x="2857500" y="1000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9196</xdr:rowOff>
    </xdr:from>
    <xdr:ext cx="534377" cy="259045"/>
    <xdr:sp macro="" textlink="">
      <xdr:nvSpPr>
        <xdr:cNvPr id="127" name="テキスト ボックス 126"/>
        <xdr:cNvSpPr txBox="1"/>
      </xdr:nvSpPr>
      <xdr:spPr>
        <a:xfrm>
          <a:off x="2641111" y="9781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54681</xdr:rowOff>
    </xdr:from>
    <xdr:to>
      <xdr:col>10</xdr:col>
      <xdr:colOff>114300</xdr:colOff>
      <xdr:row>59</xdr:row>
      <xdr:rowOff>19951</xdr:rowOff>
    </xdr:to>
    <xdr:cxnSp macro="">
      <xdr:nvCxnSpPr>
        <xdr:cNvPr id="128" name="直線コネクタ 127"/>
        <xdr:cNvCxnSpPr/>
      </xdr:nvCxnSpPr>
      <xdr:spPr>
        <a:xfrm flipV="1">
          <a:off x="1130300" y="10098781"/>
          <a:ext cx="889000" cy="36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1295</xdr:rowOff>
    </xdr:from>
    <xdr:to>
      <xdr:col>10</xdr:col>
      <xdr:colOff>165100</xdr:colOff>
      <xdr:row>59</xdr:row>
      <xdr:rowOff>11445</xdr:rowOff>
    </xdr:to>
    <xdr:sp macro="" textlink="">
      <xdr:nvSpPr>
        <xdr:cNvPr id="129" name="フローチャート: 判断 128"/>
        <xdr:cNvSpPr/>
      </xdr:nvSpPr>
      <xdr:spPr>
        <a:xfrm>
          <a:off x="1968500" y="10025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7972</xdr:rowOff>
    </xdr:from>
    <xdr:ext cx="534377" cy="259045"/>
    <xdr:sp macro="" textlink="">
      <xdr:nvSpPr>
        <xdr:cNvPr id="130" name="テキスト ボックス 129"/>
        <xdr:cNvSpPr txBox="1"/>
      </xdr:nvSpPr>
      <xdr:spPr>
        <a:xfrm>
          <a:off x="1752111" y="9800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8460</xdr:rowOff>
    </xdr:from>
    <xdr:to>
      <xdr:col>6</xdr:col>
      <xdr:colOff>38100</xdr:colOff>
      <xdr:row>59</xdr:row>
      <xdr:rowOff>8610</xdr:rowOff>
    </xdr:to>
    <xdr:sp macro="" textlink="">
      <xdr:nvSpPr>
        <xdr:cNvPr id="131" name="フローチャート: 判断 130"/>
        <xdr:cNvSpPr/>
      </xdr:nvSpPr>
      <xdr:spPr>
        <a:xfrm>
          <a:off x="1079500" y="1002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5137</xdr:rowOff>
    </xdr:from>
    <xdr:ext cx="534377" cy="259045"/>
    <xdr:sp macro="" textlink="">
      <xdr:nvSpPr>
        <xdr:cNvPr id="132" name="テキスト ボックス 131"/>
        <xdr:cNvSpPr txBox="1"/>
      </xdr:nvSpPr>
      <xdr:spPr>
        <a:xfrm>
          <a:off x="863111" y="979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6608</xdr:rowOff>
    </xdr:from>
    <xdr:to>
      <xdr:col>24</xdr:col>
      <xdr:colOff>114300</xdr:colOff>
      <xdr:row>58</xdr:row>
      <xdr:rowOff>96758</xdr:rowOff>
    </xdr:to>
    <xdr:sp macro="" textlink="">
      <xdr:nvSpPr>
        <xdr:cNvPr id="138" name="楕円 137"/>
        <xdr:cNvSpPr/>
      </xdr:nvSpPr>
      <xdr:spPr>
        <a:xfrm>
          <a:off x="4584700" y="9939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45035</xdr:rowOff>
    </xdr:from>
    <xdr:ext cx="534377" cy="259045"/>
    <xdr:sp macro="" textlink="">
      <xdr:nvSpPr>
        <xdr:cNvPr id="139" name="物件費該当値テキスト"/>
        <xdr:cNvSpPr txBox="1"/>
      </xdr:nvSpPr>
      <xdr:spPr>
        <a:xfrm>
          <a:off x="4686300" y="9917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41595</xdr:rowOff>
    </xdr:from>
    <xdr:to>
      <xdr:col>20</xdr:col>
      <xdr:colOff>38100</xdr:colOff>
      <xdr:row>58</xdr:row>
      <xdr:rowOff>143195</xdr:rowOff>
    </xdr:to>
    <xdr:sp macro="" textlink="">
      <xdr:nvSpPr>
        <xdr:cNvPr id="140" name="楕円 139"/>
        <xdr:cNvSpPr/>
      </xdr:nvSpPr>
      <xdr:spPr>
        <a:xfrm>
          <a:off x="3746500" y="998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34322</xdr:rowOff>
    </xdr:from>
    <xdr:ext cx="534377" cy="259045"/>
    <xdr:sp macro="" textlink="">
      <xdr:nvSpPr>
        <xdr:cNvPr id="141" name="テキスト ボックス 140"/>
        <xdr:cNvSpPr txBox="1"/>
      </xdr:nvSpPr>
      <xdr:spPr>
        <a:xfrm>
          <a:off x="3530111" y="10078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80746</xdr:rowOff>
    </xdr:from>
    <xdr:to>
      <xdr:col>15</xdr:col>
      <xdr:colOff>101600</xdr:colOff>
      <xdr:row>59</xdr:row>
      <xdr:rowOff>10896</xdr:rowOff>
    </xdr:to>
    <xdr:sp macro="" textlink="">
      <xdr:nvSpPr>
        <xdr:cNvPr id="142" name="楕円 141"/>
        <xdr:cNvSpPr/>
      </xdr:nvSpPr>
      <xdr:spPr>
        <a:xfrm>
          <a:off x="2857500" y="10024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2023</xdr:rowOff>
    </xdr:from>
    <xdr:ext cx="534377" cy="259045"/>
    <xdr:sp macro="" textlink="">
      <xdr:nvSpPr>
        <xdr:cNvPr id="143" name="テキスト ボックス 142"/>
        <xdr:cNvSpPr txBox="1"/>
      </xdr:nvSpPr>
      <xdr:spPr>
        <a:xfrm>
          <a:off x="2641111" y="10117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03881</xdr:rowOff>
    </xdr:from>
    <xdr:to>
      <xdr:col>10</xdr:col>
      <xdr:colOff>165100</xdr:colOff>
      <xdr:row>59</xdr:row>
      <xdr:rowOff>34031</xdr:rowOff>
    </xdr:to>
    <xdr:sp macro="" textlink="">
      <xdr:nvSpPr>
        <xdr:cNvPr id="144" name="楕円 143"/>
        <xdr:cNvSpPr/>
      </xdr:nvSpPr>
      <xdr:spPr>
        <a:xfrm>
          <a:off x="1968500" y="10047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5158</xdr:rowOff>
    </xdr:from>
    <xdr:ext cx="534377" cy="259045"/>
    <xdr:sp macro="" textlink="">
      <xdr:nvSpPr>
        <xdr:cNvPr id="145" name="テキスト ボックス 144"/>
        <xdr:cNvSpPr txBox="1"/>
      </xdr:nvSpPr>
      <xdr:spPr>
        <a:xfrm>
          <a:off x="1752111" y="10140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0601</xdr:rowOff>
    </xdr:from>
    <xdr:to>
      <xdr:col>6</xdr:col>
      <xdr:colOff>38100</xdr:colOff>
      <xdr:row>59</xdr:row>
      <xdr:rowOff>70751</xdr:rowOff>
    </xdr:to>
    <xdr:sp macro="" textlink="">
      <xdr:nvSpPr>
        <xdr:cNvPr id="146" name="楕円 145"/>
        <xdr:cNvSpPr/>
      </xdr:nvSpPr>
      <xdr:spPr>
        <a:xfrm>
          <a:off x="1079500" y="10084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61878</xdr:rowOff>
    </xdr:from>
    <xdr:ext cx="534377" cy="259045"/>
    <xdr:sp macro="" textlink="">
      <xdr:nvSpPr>
        <xdr:cNvPr id="147" name="テキスト ボックス 146"/>
        <xdr:cNvSpPr txBox="1"/>
      </xdr:nvSpPr>
      <xdr:spPr>
        <a:xfrm>
          <a:off x="863111" y="10177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7752</xdr:rowOff>
    </xdr:from>
    <xdr:to>
      <xdr:col>24</xdr:col>
      <xdr:colOff>62865</xdr:colOff>
      <xdr:row>78</xdr:row>
      <xdr:rowOff>120909</xdr:rowOff>
    </xdr:to>
    <xdr:cxnSp macro="">
      <xdr:nvCxnSpPr>
        <xdr:cNvPr id="169" name="直線コネクタ 168"/>
        <xdr:cNvCxnSpPr/>
      </xdr:nvCxnSpPr>
      <xdr:spPr>
        <a:xfrm flipV="1">
          <a:off x="4633595" y="12352152"/>
          <a:ext cx="1270" cy="1141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4736</xdr:rowOff>
    </xdr:from>
    <xdr:ext cx="378565" cy="259045"/>
    <xdr:sp macro="" textlink="">
      <xdr:nvSpPr>
        <xdr:cNvPr id="170" name="維持補修費最小値テキスト"/>
        <xdr:cNvSpPr txBox="1"/>
      </xdr:nvSpPr>
      <xdr:spPr>
        <a:xfrm>
          <a:off x="4686300" y="134978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0909</xdr:rowOff>
    </xdr:from>
    <xdr:to>
      <xdr:col>24</xdr:col>
      <xdr:colOff>152400</xdr:colOff>
      <xdr:row>78</xdr:row>
      <xdr:rowOff>120909</xdr:rowOff>
    </xdr:to>
    <xdr:cxnSp macro="">
      <xdr:nvCxnSpPr>
        <xdr:cNvPr id="171" name="直線コネクタ 170"/>
        <xdr:cNvCxnSpPr/>
      </xdr:nvCxnSpPr>
      <xdr:spPr>
        <a:xfrm>
          <a:off x="4546600" y="13494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25879</xdr:rowOff>
    </xdr:from>
    <xdr:ext cx="534377" cy="259045"/>
    <xdr:sp macro="" textlink="">
      <xdr:nvSpPr>
        <xdr:cNvPr id="172" name="維持補修費最大値テキスト"/>
        <xdr:cNvSpPr txBox="1"/>
      </xdr:nvSpPr>
      <xdr:spPr>
        <a:xfrm>
          <a:off x="4686300" y="12127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7752</xdr:rowOff>
    </xdr:from>
    <xdr:to>
      <xdr:col>24</xdr:col>
      <xdr:colOff>152400</xdr:colOff>
      <xdr:row>72</xdr:row>
      <xdr:rowOff>7752</xdr:rowOff>
    </xdr:to>
    <xdr:cxnSp macro="">
      <xdr:nvCxnSpPr>
        <xdr:cNvPr id="173" name="直線コネクタ 172"/>
        <xdr:cNvCxnSpPr/>
      </xdr:nvCxnSpPr>
      <xdr:spPr>
        <a:xfrm>
          <a:off x="4546600" y="12352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3082</xdr:rowOff>
    </xdr:from>
    <xdr:to>
      <xdr:col>24</xdr:col>
      <xdr:colOff>63500</xdr:colOff>
      <xdr:row>78</xdr:row>
      <xdr:rowOff>41128</xdr:rowOff>
    </xdr:to>
    <xdr:cxnSp macro="">
      <xdr:nvCxnSpPr>
        <xdr:cNvPr id="174" name="直線コネクタ 173"/>
        <xdr:cNvCxnSpPr/>
      </xdr:nvCxnSpPr>
      <xdr:spPr>
        <a:xfrm>
          <a:off x="3797300" y="13406182"/>
          <a:ext cx="838200" cy="8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1569</xdr:rowOff>
    </xdr:from>
    <xdr:ext cx="469744" cy="259045"/>
    <xdr:sp macro="" textlink="">
      <xdr:nvSpPr>
        <xdr:cNvPr id="175" name="維持補修費平均値テキスト"/>
        <xdr:cNvSpPr txBox="1"/>
      </xdr:nvSpPr>
      <xdr:spPr>
        <a:xfrm>
          <a:off x="4686300" y="131217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8692</xdr:rowOff>
    </xdr:from>
    <xdr:to>
      <xdr:col>24</xdr:col>
      <xdr:colOff>114300</xdr:colOff>
      <xdr:row>77</xdr:row>
      <xdr:rowOff>170292</xdr:rowOff>
    </xdr:to>
    <xdr:sp macro="" textlink="">
      <xdr:nvSpPr>
        <xdr:cNvPr id="176" name="フローチャート: 判断 175"/>
        <xdr:cNvSpPr/>
      </xdr:nvSpPr>
      <xdr:spPr>
        <a:xfrm>
          <a:off x="4584700" y="13270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3221</xdr:rowOff>
    </xdr:from>
    <xdr:to>
      <xdr:col>19</xdr:col>
      <xdr:colOff>177800</xdr:colOff>
      <xdr:row>78</xdr:row>
      <xdr:rowOff>33082</xdr:rowOff>
    </xdr:to>
    <xdr:cxnSp macro="">
      <xdr:nvCxnSpPr>
        <xdr:cNvPr id="177" name="直線コネクタ 176"/>
        <xdr:cNvCxnSpPr/>
      </xdr:nvCxnSpPr>
      <xdr:spPr>
        <a:xfrm>
          <a:off x="2908300" y="13344871"/>
          <a:ext cx="889000" cy="61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3492</xdr:rowOff>
    </xdr:from>
    <xdr:to>
      <xdr:col>20</xdr:col>
      <xdr:colOff>38100</xdr:colOff>
      <xdr:row>78</xdr:row>
      <xdr:rowOff>3642</xdr:rowOff>
    </xdr:to>
    <xdr:sp macro="" textlink="">
      <xdr:nvSpPr>
        <xdr:cNvPr id="178" name="フローチャート: 判断 177"/>
        <xdr:cNvSpPr/>
      </xdr:nvSpPr>
      <xdr:spPr>
        <a:xfrm>
          <a:off x="37465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0169</xdr:rowOff>
    </xdr:from>
    <xdr:ext cx="469744" cy="259045"/>
    <xdr:sp macro="" textlink="">
      <xdr:nvSpPr>
        <xdr:cNvPr id="179" name="テキスト ボックス 178"/>
        <xdr:cNvSpPr txBox="1"/>
      </xdr:nvSpPr>
      <xdr:spPr>
        <a:xfrm>
          <a:off x="3562428" y="13050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3221</xdr:rowOff>
    </xdr:from>
    <xdr:to>
      <xdr:col>15</xdr:col>
      <xdr:colOff>50800</xdr:colOff>
      <xdr:row>78</xdr:row>
      <xdr:rowOff>14518</xdr:rowOff>
    </xdr:to>
    <xdr:cxnSp macro="">
      <xdr:nvCxnSpPr>
        <xdr:cNvPr id="180" name="直線コネクタ 179"/>
        <xdr:cNvCxnSpPr/>
      </xdr:nvCxnSpPr>
      <xdr:spPr>
        <a:xfrm flipV="1">
          <a:off x="2019300" y="13344871"/>
          <a:ext cx="889000" cy="42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4819</xdr:rowOff>
    </xdr:from>
    <xdr:to>
      <xdr:col>15</xdr:col>
      <xdr:colOff>101600</xdr:colOff>
      <xdr:row>78</xdr:row>
      <xdr:rowOff>4969</xdr:rowOff>
    </xdr:to>
    <xdr:sp macro="" textlink="">
      <xdr:nvSpPr>
        <xdr:cNvPr id="181" name="フローチャート: 判断 180"/>
        <xdr:cNvSpPr/>
      </xdr:nvSpPr>
      <xdr:spPr>
        <a:xfrm>
          <a:off x="2857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1496</xdr:rowOff>
    </xdr:from>
    <xdr:ext cx="469744" cy="259045"/>
    <xdr:sp macro="" textlink="">
      <xdr:nvSpPr>
        <xdr:cNvPr id="182" name="テキスト ボックス 181"/>
        <xdr:cNvSpPr txBox="1"/>
      </xdr:nvSpPr>
      <xdr:spPr>
        <a:xfrm>
          <a:off x="2673428" y="1305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0861</xdr:rowOff>
    </xdr:from>
    <xdr:to>
      <xdr:col>10</xdr:col>
      <xdr:colOff>114300</xdr:colOff>
      <xdr:row>78</xdr:row>
      <xdr:rowOff>14518</xdr:rowOff>
    </xdr:to>
    <xdr:cxnSp macro="">
      <xdr:nvCxnSpPr>
        <xdr:cNvPr id="183" name="直線コネクタ 182"/>
        <xdr:cNvCxnSpPr/>
      </xdr:nvCxnSpPr>
      <xdr:spPr>
        <a:xfrm>
          <a:off x="1130300" y="13383961"/>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5438</xdr:rowOff>
    </xdr:from>
    <xdr:to>
      <xdr:col>10</xdr:col>
      <xdr:colOff>165100</xdr:colOff>
      <xdr:row>78</xdr:row>
      <xdr:rowOff>25588</xdr:rowOff>
    </xdr:to>
    <xdr:sp macro="" textlink="">
      <xdr:nvSpPr>
        <xdr:cNvPr id="184" name="フローチャート: 判断 183"/>
        <xdr:cNvSpPr/>
      </xdr:nvSpPr>
      <xdr:spPr>
        <a:xfrm>
          <a:off x="1968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42115</xdr:rowOff>
    </xdr:from>
    <xdr:ext cx="469744" cy="259045"/>
    <xdr:sp macro="" textlink="">
      <xdr:nvSpPr>
        <xdr:cNvPr id="185" name="テキスト ボックス 184"/>
        <xdr:cNvSpPr txBox="1"/>
      </xdr:nvSpPr>
      <xdr:spPr>
        <a:xfrm>
          <a:off x="1784428" y="1307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0226</xdr:rowOff>
    </xdr:from>
    <xdr:to>
      <xdr:col>6</xdr:col>
      <xdr:colOff>38100</xdr:colOff>
      <xdr:row>78</xdr:row>
      <xdr:rowOff>20376</xdr:rowOff>
    </xdr:to>
    <xdr:sp macro="" textlink="">
      <xdr:nvSpPr>
        <xdr:cNvPr id="186" name="フローチャート: 判断 185"/>
        <xdr:cNvSpPr/>
      </xdr:nvSpPr>
      <xdr:spPr>
        <a:xfrm>
          <a:off x="1079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6903</xdr:rowOff>
    </xdr:from>
    <xdr:ext cx="469744" cy="259045"/>
    <xdr:sp macro="" textlink="">
      <xdr:nvSpPr>
        <xdr:cNvPr id="187" name="テキスト ボックス 186"/>
        <xdr:cNvSpPr txBox="1"/>
      </xdr:nvSpPr>
      <xdr:spPr>
        <a:xfrm>
          <a:off x="895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1778</xdr:rowOff>
    </xdr:from>
    <xdr:to>
      <xdr:col>24</xdr:col>
      <xdr:colOff>114300</xdr:colOff>
      <xdr:row>78</xdr:row>
      <xdr:rowOff>91928</xdr:rowOff>
    </xdr:to>
    <xdr:sp macro="" textlink="">
      <xdr:nvSpPr>
        <xdr:cNvPr id="193" name="楕円 192"/>
        <xdr:cNvSpPr/>
      </xdr:nvSpPr>
      <xdr:spPr>
        <a:xfrm>
          <a:off x="4584700" y="13363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6705</xdr:rowOff>
    </xdr:from>
    <xdr:ext cx="469744" cy="259045"/>
    <xdr:sp macro="" textlink="">
      <xdr:nvSpPr>
        <xdr:cNvPr id="194" name="維持補修費該当値テキスト"/>
        <xdr:cNvSpPr txBox="1"/>
      </xdr:nvSpPr>
      <xdr:spPr>
        <a:xfrm>
          <a:off x="4686300" y="1327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3732</xdr:rowOff>
    </xdr:from>
    <xdr:to>
      <xdr:col>20</xdr:col>
      <xdr:colOff>38100</xdr:colOff>
      <xdr:row>78</xdr:row>
      <xdr:rowOff>83882</xdr:rowOff>
    </xdr:to>
    <xdr:sp macro="" textlink="">
      <xdr:nvSpPr>
        <xdr:cNvPr id="195" name="楕円 194"/>
        <xdr:cNvSpPr/>
      </xdr:nvSpPr>
      <xdr:spPr>
        <a:xfrm>
          <a:off x="3746500" y="13355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75009</xdr:rowOff>
    </xdr:from>
    <xdr:ext cx="469744" cy="259045"/>
    <xdr:sp macro="" textlink="">
      <xdr:nvSpPr>
        <xdr:cNvPr id="196" name="テキスト ボックス 195"/>
        <xdr:cNvSpPr txBox="1"/>
      </xdr:nvSpPr>
      <xdr:spPr>
        <a:xfrm>
          <a:off x="3562428" y="13448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92421</xdr:rowOff>
    </xdr:from>
    <xdr:to>
      <xdr:col>15</xdr:col>
      <xdr:colOff>101600</xdr:colOff>
      <xdr:row>78</xdr:row>
      <xdr:rowOff>22571</xdr:rowOff>
    </xdr:to>
    <xdr:sp macro="" textlink="">
      <xdr:nvSpPr>
        <xdr:cNvPr id="197" name="楕円 196"/>
        <xdr:cNvSpPr/>
      </xdr:nvSpPr>
      <xdr:spPr>
        <a:xfrm>
          <a:off x="2857500" y="13294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3698</xdr:rowOff>
    </xdr:from>
    <xdr:ext cx="469744" cy="259045"/>
    <xdr:sp macro="" textlink="">
      <xdr:nvSpPr>
        <xdr:cNvPr id="198" name="テキスト ボックス 197"/>
        <xdr:cNvSpPr txBox="1"/>
      </xdr:nvSpPr>
      <xdr:spPr>
        <a:xfrm>
          <a:off x="2673428" y="13386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35168</xdr:rowOff>
    </xdr:from>
    <xdr:to>
      <xdr:col>10</xdr:col>
      <xdr:colOff>165100</xdr:colOff>
      <xdr:row>78</xdr:row>
      <xdr:rowOff>65318</xdr:rowOff>
    </xdr:to>
    <xdr:sp macro="" textlink="">
      <xdr:nvSpPr>
        <xdr:cNvPr id="199" name="楕円 198"/>
        <xdr:cNvSpPr/>
      </xdr:nvSpPr>
      <xdr:spPr>
        <a:xfrm>
          <a:off x="1968500" y="13336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56445</xdr:rowOff>
    </xdr:from>
    <xdr:ext cx="469744" cy="259045"/>
    <xdr:sp macro="" textlink="">
      <xdr:nvSpPr>
        <xdr:cNvPr id="200" name="テキスト ボックス 199"/>
        <xdr:cNvSpPr txBox="1"/>
      </xdr:nvSpPr>
      <xdr:spPr>
        <a:xfrm>
          <a:off x="1784428" y="13429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1511</xdr:rowOff>
    </xdr:from>
    <xdr:to>
      <xdr:col>6</xdr:col>
      <xdr:colOff>38100</xdr:colOff>
      <xdr:row>78</xdr:row>
      <xdr:rowOff>61661</xdr:rowOff>
    </xdr:to>
    <xdr:sp macro="" textlink="">
      <xdr:nvSpPr>
        <xdr:cNvPr id="201" name="楕円 200"/>
        <xdr:cNvSpPr/>
      </xdr:nvSpPr>
      <xdr:spPr>
        <a:xfrm>
          <a:off x="1079500" y="1333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52788</xdr:rowOff>
    </xdr:from>
    <xdr:ext cx="469744" cy="259045"/>
    <xdr:sp macro="" textlink="">
      <xdr:nvSpPr>
        <xdr:cNvPr id="202" name="テキスト ボックス 201"/>
        <xdr:cNvSpPr txBox="1"/>
      </xdr:nvSpPr>
      <xdr:spPr>
        <a:xfrm>
          <a:off x="895428" y="13425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3379</xdr:rowOff>
    </xdr:from>
    <xdr:to>
      <xdr:col>24</xdr:col>
      <xdr:colOff>62865</xdr:colOff>
      <xdr:row>98</xdr:row>
      <xdr:rowOff>61584</xdr:rowOff>
    </xdr:to>
    <xdr:cxnSp macro="">
      <xdr:nvCxnSpPr>
        <xdr:cNvPr id="229" name="直線コネクタ 228"/>
        <xdr:cNvCxnSpPr/>
      </xdr:nvCxnSpPr>
      <xdr:spPr>
        <a:xfrm flipV="1">
          <a:off x="4633595" y="15635329"/>
          <a:ext cx="1270" cy="1228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5411</xdr:rowOff>
    </xdr:from>
    <xdr:ext cx="534377" cy="259045"/>
    <xdr:sp macro="" textlink="">
      <xdr:nvSpPr>
        <xdr:cNvPr id="230" name="扶助費最小値テキスト"/>
        <xdr:cNvSpPr txBox="1"/>
      </xdr:nvSpPr>
      <xdr:spPr>
        <a:xfrm>
          <a:off x="4686300" y="1686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1584</xdr:rowOff>
    </xdr:from>
    <xdr:to>
      <xdr:col>24</xdr:col>
      <xdr:colOff>152400</xdr:colOff>
      <xdr:row>98</xdr:row>
      <xdr:rowOff>61584</xdr:rowOff>
    </xdr:to>
    <xdr:cxnSp macro="">
      <xdr:nvCxnSpPr>
        <xdr:cNvPr id="231" name="直線コネクタ 230"/>
        <xdr:cNvCxnSpPr/>
      </xdr:nvCxnSpPr>
      <xdr:spPr>
        <a:xfrm>
          <a:off x="4546600" y="1686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1506</xdr:rowOff>
    </xdr:from>
    <xdr:ext cx="599010" cy="259045"/>
    <xdr:sp macro="" textlink="">
      <xdr:nvSpPr>
        <xdr:cNvPr id="232" name="扶助費最大値テキスト"/>
        <xdr:cNvSpPr txBox="1"/>
      </xdr:nvSpPr>
      <xdr:spPr>
        <a:xfrm>
          <a:off x="4686300" y="154105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33379</xdr:rowOff>
    </xdr:from>
    <xdr:to>
      <xdr:col>24</xdr:col>
      <xdr:colOff>152400</xdr:colOff>
      <xdr:row>91</xdr:row>
      <xdr:rowOff>33379</xdr:rowOff>
    </xdr:to>
    <xdr:cxnSp macro="">
      <xdr:nvCxnSpPr>
        <xdr:cNvPr id="233" name="直線コネクタ 232"/>
        <xdr:cNvCxnSpPr/>
      </xdr:nvCxnSpPr>
      <xdr:spPr>
        <a:xfrm>
          <a:off x="4546600" y="15635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39204</xdr:rowOff>
    </xdr:from>
    <xdr:to>
      <xdr:col>24</xdr:col>
      <xdr:colOff>63500</xdr:colOff>
      <xdr:row>96</xdr:row>
      <xdr:rowOff>46312</xdr:rowOff>
    </xdr:to>
    <xdr:cxnSp macro="">
      <xdr:nvCxnSpPr>
        <xdr:cNvPr id="234" name="直線コネクタ 233"/>
        <xdr:cNvCxnSpPr/>
      </xdr:nvCxnSpPr>
      <xdr:spPr>
        <a:xfrm>
          <a:off x="3797300" y="16326954"/>
          <a:ext cx="838200" cy="178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7601</xdr:rowOff>
    </xdr:from>
    <xdr:ext cx="534377" cy="259045"/>
    <xdr:sp macro="" textlink="">
      <xdr:nvSpPr>
        <xdr:cNvPr id="235" name="扶助費平均値テキスト"/>
        <xdr:cNvSpPr txBox="1"/>
      </xdr:nvSpPr>
      <xdr:spPr>
        <a:xfrm>
          <a:off x="4686300" y="16233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4724</xdr:rowOff>
    </xdr:from>
    <xdr:to>
      <xdr:col>24</xdr:col>
      <xdr:colOff>114300</xdr:colOff>
      <xdr:row>96</xdr:row>
      <xdr:rowOff>24874</xdr:rowOff>
    </xdr:to>
    <xdr:sp macro="" textlink="">
      <xdr:nvSpPr>
        <xdr:cNvPr id="236" name="フローチャート: 判断 235"/>
        <xdr:cNvSpPr/>
      </xdr:nvSpPr>
      <xdr:spPr>
        <a:xfrm>
          <a:off x="4584700" y="1638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39204</xdr:rowOff>
    </xdr:from>
    <xdr:to>
      <xdr:col>19</xdr:col>
      <xdr:colOff>177800</xdr:colOff>
      <xdr:row>96</xdr:row>
      <xdr:rowOff>140963</xdr:rowOff>
    </xdr:to>
    <xdr:cxnSp macro="">
      <xdr:nvCxnSpPr>
        <xdr:cNvPr id="237" name="直線コネクタ 236"/>
        <xdr:cNvCxnSpPr/>
      </xdr:nvCxnSpPr>
      <xdr:spPr>
        <a:xfrm flipV="1">
          <a:off x="2908300" y="16326954"/>
          <a:ext cx="889000" cy="273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34217</xdr:rowOff>
    </xdr:from>
    <xdr:to>
      <xdr:col>20</xdr:col>
      <xdr:colOff>38100</xdr:colOff>
      <xdr:row>95</xdr:row>
      <xdr:rowOff>64367</xdr:rowOff>
    </xdr:to>
    <xdr:sp macro="" textlink="">
      <xdr:nvSpPr>
        <xdr:cNvPr id="238" name="フローチャート: 判断 237"/>
        <xdr:cNvSpPr/>
      </xdr:nvSpPr>
      <xdr:spPr>
        <a:xfrm>
          <a:off x="37465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80894</xdr:rowOff>
    </xdr:from>
    <xdr:ext cx="599010" cy="259045"/>
    <xdr:sp macro="" textlink="">
      <xdr:nvSpPr>
        <xdr:cNvPr id="239" name="テキスト ボックス 238"/>
        <xdr:cNvSpPr txBox="1"/>
      </xdr:nvSpPr>
      <xdr:spPr>
        <a:xfrm>
          <a:off x="3497795" y="160257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40963</xdr:rowOff>
    </xdr:from>
    <xdr:to>
      <xdr:col>15</xdr:col>
      <xdr:colOff>50800</xdr:colOff>
      <xdr:row>97</xdr:row>
      <xdr:rowOff>12838</xdr:rowOff>
    </xdr:to>
    <xdr:cxnSp macro="">
      <xdr:nvCxnSpPr>
        <xdr:cNvPr id="240" name="直線コネクタ 239"/>
        <xdr:cNvCxnSpPr/>
      </xdr:nvCxnSpPr>
      <xdr:spPr>
        <a:xfrm flipV="1">
          <a:off x="2019300" y="16600163"/>
          <a:ext cx="889000" cy="43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2872</xdr:rowOff>
    </xdr:from>
    <xdr:to>
      <xdr:col>15</xdr:col>
      <xdr:colOff>101600</xdr:colOff>
      <xdr:row>96</xdr:row>
      <xdr:rowOff>164472</xdr:rowOff>
    </xdr:to>
    <xdr:sp macro="" textlink="">
      <xdr:nvSpPr>
        <xdr:cNvPr id="241" name="フローチャート: 判断 240"/>
        <xdr:cNvSpPr/>
      </xdr:nvSpPr>
      <xdr:spPr>
        <a:xfrm>
          <a:off x="2857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549</xdr:rowOff>
    </xdr:from>
    <xdr:ext cx="534377" cy="259045"/>
    <xdr:sp macro="" textlink="">
      <xdr:nvSpPr>
        <xdr:cNvPr id="242" name="テキスト ボックス 241"/>
        <xdr:cNvSpPr txBox="1"/>
      </xdr:nvSpPr>
      <xdr:spPr>
        <a:xfrm>
          <a:off x="2641111" y="1629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2838</xdr:rowOff>
    </xdr:from>
    <xdr:to>
      <xdr:col>10</xdr:col>
      <xdr:colOff>114300</xdr:colOff>
      <xdr:row>97</xdr:row>
      <xdr:rowOff>43687</xdr:rowOff>
    </xdr:to>
    <xdr:cxnSp macro="">
      <xdr:nvCxnSpPr>
        <xdr:cNvPr id="243" name="直線コネクタ 242"/>
        <xdr:cNvCxnSpPr/>
      </xdr:nvCxnSpPr>
      <xdr:spPr>
        <a:xfrm flipV="1">
          <a:off x="1130300" y="16643488"/>
          <a:ext cx="889000" cy="30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0280</xdr:rowOff>
    </xdr:from>
    <xdr:to>
      <xdr:col>10</xdr:col>
      <xdr:colOff>165100</xdr:colOff>
      <xdr:row>97</xdr:row>
      <xdr:rowOff>40430</xdr:rowOff>
    </xdr:to>
    <xdr:sp macro="" textlink="">
      <xdr:nvSpPr>
        <xdr:cNvPr id="244" name="フローチャート: 判断 243"/>
        <xdr:cNvSpPr/>
      </xdr:nvSpPr>
      <xdr:spPr>
        <a:xfrm>
          <a:off x="1968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957</xdr:rowOff>
    </xdr:from>
    <xdr:ext cx="534377" cy="259045"/>
    <xdr:sp macro="" textlink="">
      <xdr:nvSpPr>
        <xdr:cNvPr id="245" name="テキスト ボックス 244"/>
        <xdr:cNvSpPr txBox="1"/>
      </xdr:nvSpPr>
      <xdr:spPr>
        <a:xfrm>
          <a:off x="1752111" y="1634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9468</xdr:rowOff>
    </xdr:from>
    <xdr:to>
      <xdr:col>6</xdr:col>
      <xdr:colOff>38100</xdr:colOff>
      <xdr:row>97</xdr:row>
      <xdr:rowOff>79618</xdr:rowOff>
    </xdr:to>
    <xdr:sp macro="" textlink="">
      <xdr:nvSpPr>
        <xdr:cNvPr id="246" name="フローチャート: 判断 245"/>
        <xdr:cNvSpPr/>
      </xdr:nvSpPr>
      <xdr:spPr>
        <a:xfrm>
          <a:off x="1079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6145</xdr:rowOff>
    </xdr:from>
    <xdr:ext cx="534377" cy="259045"/>
    <xdr:sp macro="" textlink="">
      <xdr:nvSpPr>
        <xdr:cNvPr id="247" name="テキスト ボックス 246"/>
        <xdr:cNvSpPr txBox="1"/>
      </xdr:nvSpPr>
      <xdr:spPr>
        <a:xfrm>
          <a:off x="863111" y="1638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6962</xdr:rowOff>
    </xdr:from>
    <xdr:to>
      <xdr:col>24</xdr:col>
      <xdr:colOff>114300</xdr:colOff>
      <xdr:row>96</xdr:row>
      <xdr:rowOff>97112</xdr:rowOff>
    </xdr:to>
    <xdr:sp macro="" textlink="">
      <xdr:nvSpPr>
        <xdr:cNvPr id="253" name="楕円 252"/>
        <xdr:cNvSpPr/>
      </xdr:nvSpPr>
      <xdr:spPr>
        <a:xfrm>
          <a:off x="4584700" y="16454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45389</xdr:rowOff>
    </xdr:from>
    <xdr:ext cx="534377" cy="259045"/>
    <xdr:sp macro="" textlink="">
      <xdr:nvSpPr>
        <xdr:cNvPr id="254" name="扶助費該当値テキスト"/>
        <xdr:cNvSpPr txBox="1"/>
      </xdr:nvSpPr>
      <xdr:spPr>
        <a:xfrm>
          <a:off x="4686300" y="16433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59854</xdr:rowOff>
    </xdr:from>
    <xdr:to>
      <xdr:col>20</xdr:col>
      <xdr:colOff>38100</xdr:colOff>
      <xdr:row>95</xdr:row>
      <xdr:rowOff>90004</xdr:rowOff>
    </xdr:to>
    <xdr:sp macro="" textlink="">
      <xdr:nvSpPr>
        <xdr:cNvPr id="255" name="楕円 254"/>
        <xdr:cNvSpPr/>
      </xdr:nvSpPr>
      <xdr:spPr>
        <a:xfrm>
          <a:off x="3746500" y="16276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81131</xdr:rowOff>
    </xdr:from>
    <xdr:ext cx="534377" cy="259045"/>
    <xdr:sp macro="" textlink="">
      <xdr:nvSpPr>
        <xdr:cNvPr id="256" name="テキスト ボックス 255"/>
        <xdr:cNvSpPr txBox="1"/>
      </xdr:nvSpPr>
      <xdr:spPr>
        <a:xfrm>
          <a:off x="3530111" y="16368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90163</xdr:rowOff>
    </xdr:from>
    <xdr:to>
      <xdr:col>15</xdr:col>
      <xdr:colOff>101600</xdr:colOff>
      <xdr:row>97</xdr:row>
      <xdr:rowOff>20313</xdr:rowOff>
    </xdr:to>
    <xdr:sp macro="" textlink="">
      <xdr:nvSpPr>
        <xdr:cNvPr id="257" name="楕円 256"/>
        <xdr:cNvSpPr/>
      </xdr:nvSpPr>
      <xdr:spPr>
        <a:xfrm>
          <a:off x="2857500" y="1654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1440</xdr:rowOff>
    </xdr:from>
    <xdr:ext cx="534377" cy="259045"/>
    <xdr:sp macro="" textlink="">
      <xdr:nvSpPr>
        <xdr:cNvPr id="258" name="テキスト ボックス 257"/>
        <xdr:cNvSpPr txBox="1"/>
      </xdr:nvSpPr>
      <xdr:spPr>
        <a:xfrm>
          <a:off x="2641111" y="1664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33488</xdr:rowOff>
    </xdr:from>
    <xdr:to>
      <xdr:col>10</xdr:col>
      <xdr:colOff>165100</xdr:colOff>
      <xdr:row>97</xdr:row>
      <xdr:rowOff>63638</xdr:rowOff>
    </xdr:to>
    <xdr:sp macro="" textlink="">
      <xdr:nvSpPr>
        <xdr:cNvPr id="259" name="楕円 258"/>
        <xdr:cNvSpPr/>
      </xdr:nvSpPr>
      <xdr:spPr>
        <a:xfrm>
          <a:off x="1968500" y="16592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54765</xdr:rowOff>
    </xdr:from>
    <xdr:ext cx="534377" cy="259045"/>
    <xdr:sp macro="" textlink="">
      <xdr:nvSpPr>
        <xdr:cNvPr id="260" name="テキスト ボックス 259"/>
        <xdr:cNvSpPr txBox="1"/>
      </xdr:nvSpPr>
      <xdr:spPr>
        <a:xfrm>
          <a:off x="1752111" y="16685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4337</xdr:rowOff>
    </xdr:from>
    <xdr:to>
      <xdr:col>6</xdr:col>
      <xdr:colOff>38100</xdr:colOff>
      <xdr:row>97</xdr:row>
      <xdr:rowOff>94487</xdr:rowOff>
    </xdr:to>
    <xdr:sp macro="" textlink="">
      <xdr:nvSpPr>
        <xdr:cNvPr id="261" name="楕円 260"/>
        <xdr:cNvSpPr/>
      </xdr:nvSpPr>
      <xdr:spPr>
        <a:xfrm>
          <a:off x="1079500" y="16623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85614</xdr:rowOff>
    </xdr:from>
    <xdr:ext cx="534377" cy="259045"/>
    <xdr:sp macro="" textlink="">
      <xdr:nvSpPr>
        <xdr:cNvPr id="262" name="テキスト ボックス 261"/>
        <xdr:cNvSpPr txBox="1"/>
      </xdr:nvSpPr>
      <xdr:spPr>
        <a:xfrm>
          <a:off x="863111" y="16716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3" name="テキスト ボックス 272"/>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5" name="テキスト ボックス 274"/>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7" name="テキスト ボックス 276"/>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97358</xdr:rowOff>
    </xdr:from>
    <xdr:to>
      <xdr:col>54</xdr:col>
      <xdr:colOff>189865</xdr:colOff>
      <xdr:row>39</xdr:row>
      <xdr:rowOff>135001</xdr:rowOff>
    </xdr:to>
    <xdr:cxnSp macro="">
      <xdr:nvCxnSpPr>
        <xdr:cNvPr id="287" name="直線コネクタ 286"/>
        <xdr:cNvCxnSpPr/>
      </xdr:nvCxnSpPr>
      <xdr:spPr>
        <a:xfrm flipV="1">
          <a:off x="10475595" y="5240858"/>
          <a:ext cx="1270" cy="1580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38828</xdr:rowOff>
    </xdr:from>
    <xdr:ext cx="534377" cy="259045"/>
    <xdr:sp macro="" textlink="">
      <xdr:nvSpPr>
        <xdr:cNvPr id="288" name="補助費等最小値テキスト"/>
        <xdr:cNvSpPr txBox="1"/>
      </xdr:nvSpPr>
      <xdr:spPr>
        <a:xfrm>
          <a:off x="10528300" y="6825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35001</xdr:rowOff>
    </xdr:from>
    <xdr:to>
      <xdr:col>55</xdr:col>
      <xdr:colOff>88900</xdr:colOff>
      <xdr:row>39</xdr:row>
      <xdr:rowOff>135001</xdr:rowOff>
    </xdr:to>
    <xdr:cxnSp macro="">
      <xdr:nvCxnSpPr>
        <xdr:cNvPr id="289" name="直線コネクタ 288"/>
        <xdr:cNvCxnSpPr/>
      </xdr:nvCxnSpPr>
      <xdr:spPr>
        <a:xfrm>
          <a:off x="10388600" y="6821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44035</xdr:rowOff>
    </xdr:from>
    <xdr:ext cx="599010" cy="259045"/>
    <xdr:sp macro="" textlink="">
      <xdr:nvSpPr>
        <xdr:cNvPr id="290" name="補助費等最大値テキスト"/>
        <xdr:cNvSpPr txBox="1"/>
      </xdr:nvSpPr>
      <xdr:spPr>
        <a:xfrm>
          <a:off x="10528300" y="50160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97358</xdr:rowOff>
    </xdr:from>
    <xdr:to>
      <xdr:col>55</xdr:col>
      <xdr:colOff>88900</xdr:colOff>
      <xdr:row>30</xdr:row>
      <xdr:rowOff>97358</xdr:rowOff>
    </xdr:to>
    <xdr:cxnSp macro="">
      <xdr:nvCxnSpPr>
        <xdr:cNvPr id="291" name="直線コネクタ 290"/>
        <xdr:cNvCxnSpPr/>
      </xdr:nvCxnSpPr>
      <xdr:spPr>
        <a:xfrm>
          <a:off x="10388600" y="5240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63576</xdr:rowOff>
    </xdr:from>
    <xdr:to>
      <xdr:col>55</xdr:col>
      <xdr:colOff>0</xdr:colOff>
      <xdr:row>39</xdr:row>
      <xdr:rowOff>101702</xdr:rowOff>
    </xdr:to>
    <xdr:cxnSp macro="">
      <xdr:nvCxnSpPr>
        <xdr:cNvPr id="292" name="直線コネクタ 291"/>
        <xdr:cNvCxnSpPr/>
      </xdr:nvCxnSpPr>
      <xdr:spPr>
        <a:xfrm flipV="1">
          <a:off x="9639300" y="6507226"/>
          <a:ext cx="838200" cy="281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70515</xdr:rowOff>
    </xdr:from>
    <xdr:ext cx="534377" cy="259045"/>
    <xdr:sp macro="" textlink="">
      <xdr:nvSpPr>
        <xdr:cNvPr id="293" name="補助費等平均値テキスト"/>
        <xdr:cNvSpPr txBox="1"/>
      </xdr:nvSpPr>
      <xdr:spPr>
        <a:xfrm>
          <a:off x="10528300" y="61712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47638</xdr:rowOff>
    </xdr:from>
    <xdr:to>
      <xdr:col>55</xdr:col>
      <xdr:colOff>50800</xdr:colOff>
      <xdr:row>37</xdr:row>
      <xdr:rowOff>77788</xdr:rowOff>
    </xdr:to>
    <xdr:sp macro="" textlink="">
      <xdr:nvSpPr>
        <xdr:cNvPr id="294" name="フローチャート: 判断 293"/>
        <xdr:cNvSpPr/>
      </xdr:nvSpPr>
      <xdr:spPr>
        <a:xfrm>
          <a:off x="10426700" y="6319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30899</xdr:rowOff>
    </xdr:from>
    <xdr:to>
      <xdr:col>50</xdr:col>
      <xdr:colOff>114300</xdr:colOff>
      <xdr:row>39</xdr:row>
      <xdr:rowOff>101702</xdr:rowOff>
    </xdr:to>
    <xdr:cxnSp macro="">
      <xdr:nvCxnSpPr>
        <xdr:cNvPr id="295" name="直線コネクタ 294"/>
        <xdr:cNvCxnSpPr/>
      </xdr:nvCxnSpPr>
      <xdr:spPr>
        <a:xfrm>
          <a:off x="8750300" y="5445849"/>
          <a:ext cx="889000" cy="1342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5349</xdr:rowOff>
    </xdr:from>
    <xdr:to>
      <xdr:col>50</xdr:col>
      <xdr:colOff>165100</xdr:colOff>
      <xdr:row>37</xdr:row>
      <xdr:rowOff>126949</xdr:rowOff>
    </xdr:to>
    <xdr:sp macro="" textlink="">
      <xdr:nvSpPr>
        <xdr:cNvPr id="296" name="フローチャート: 判断 295"/>
        <xdr:cNvSpPr/>
      </xdr:nvSpPr>
      <xdr:spPr>
        <a:xfrm>
          <a:off x="9588500" y="6368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43476</xdr:rowOff>
    </xdr:from>
    <xdr:ext cx="534377" cy="259045"/>
    <xdr:sp macro="" textlink="">
      <xdr:nvSpPr>
        <xdr:cNvPr id="297" name="テキスト ボックス 296"/>
        <xdr:cNvSpPr txBox="1"/>
      </xdr:nvSpPr>
      <xdr:spPr>
        <a:xfrm>
          <a:off x="9372111" y="6144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30899</xdr:rowOff>
    </xdr:from>
    <xdr:to>
      <xdr:col>45</xdr:col>
      <xdr:colOff>177800</xdr:colOff>
      <xdr:row>39</xdr:row>
      <xdr:rowOff>104572</xdr:rowOff>
    </xdr:to>
    <xdr:cxnSp macro="">
      <xdr:nvCxnSpPr>
        <xdr:cNvPr id="298" name="直線コネクタ 297"/>
        <xdr:cNvCxnSpPr/>
      </xdr:nvCxnSpPr>
      <xdr:spPr>
        <a:xfrm flipV="1">
          <a:off x="7861300" y="5445849"/>
          <a:ext cx="889000" cy="1345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129375</xdr:rowOff>
    </xdr:from>
    <xdr:to>
      <xdr:col>46</xdr:col>
      <xdr:colOff>38100</xdr:colOff>
      <xdr:row>30</xdr:row>
      <xdr:rowOff>59525</xdr:rowOff>
    </xdr:to>
    <xdr:sp macro="" textlink="">
      <xdr:nvSpPr>
        <xdr:cNvPr id="299" name="フローチャート: 判断 298"/>
        <xdr:cNvSpPr/>
      </xdr:nvSpPr>
      <xdr:spPr>
        <a:xfrm>
          <a:off x="8699500" y="510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76052</xdr:rowOff>
    </xdr:from>
    <xdr:ext cx="599010" cy="259045"/>
    <xdr:sp macro="" textlink="">
      <xdr:nvSpPr>
        <xdr:cNvPr id="300" name="テキスト ボックス 299"/>
        <xdr:cNvSpPr txBox="1"/>
      </xdr:nvSpPr>
      <xdr:spPr>
        <a:xfrm>
          <a:off x="8450795" y="4876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96203</xdr:rowOff>
    </xdr:from>
    <xdr:to>
      <xdr:col>41</xdr:col>
      <xdr:colOff>50800</xdr:colOff>
      <xdr:row>39</xdr:row>
      <xdr:rowOff>104572</xdr:rowOff>
    </xdr:to>
    <xdr:cxnSp macro="">
      <xdr:nvCxnSpPr>
        <xdr:cNvPr id="301" name="直線コネクタ 300"/>
        <xdr:cNvCxnSpPr/>
      </xdr:nvCxnSpPr>
      <xdr:spPr>
        <a:xfrm>
          <a:off x="6972300" y="6782753"/>
          <a:ext cx="889000" cy="8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39383</xdr:rowOff>
    </xdr:from>
    <xdr:to>
      <xdr:col>41</xdr:col>
      <xdr:colOff>101600</xdr:colOff>
      <xdr:row>38</xdr:row>
      <xdr:rowOff>69532</xdr:rowOff>
    </xdr:to>
    <xdr:sp macro="" textlink="">
      <xdr:nvSpPr>
        <xdr:cNvPr id="302" name="フローチャート: 判断 301"/>
        <xdr:cNvSpPr/>
      </xdr:nvSpPr>
      <xdr:spPr>
        <a:xfrm>
          <a:off x="7810500" y="648303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86060</xdr:rowOff>
    </xdr:from>
    <xdr:ext cx="534377" cy="259045"/>
    <xdr:sp macro="" textlink="">
      <xdr:nvSpPr>
        <xdr:cNvPr id="303" name="テキスト ボックス 302"/>
        <xdr:cNvSpPr txBox="1"/>
      </xdr:nvSpPr>
      <xdr:spPr>
        <a:xfrm>
          <a:off x="7594111" y="6258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6215</xdr:rowOff>
    </xdr:from>
    <xdr:to>
      <xdr:col>36</xdr:col>
      <xdr:colOff>165100</xdr:colOff>
      <xdr:row>38</xdr:row>
      <xdr:rowOff>76365</xdr:rowOff>
    </xdr:to>
    <xdr:sp macro="" textlink="">
      <xdr:nvSpPr>
        <xdr:cNvPr id="304" name="フローチャート: 判断 303"/>
        <xdr:cNvSpPr/>
      </xdr:nvSpPr>
      <xdr:spPr>
        <a:xfrm>
          <a:off x="6921500" y="6489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92892</xdr:rowOff>
    </xdr:from>
    <xdr:ext cx="534377" cy="259045"/>
    <xdr:sp macro="" textlink="">
      <xdr:nvSpPr>
        <xdr:cNvPr id="305" name="テキスト ボックス 304"/>
        <xdr:cNvSpPr txBox="1"/>
      </xdr:nvSpPr>
      <xdr:spPr>
        <a:xfrm>
          <a:off x="6705111" y="6265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2776</xdr:rowOff>
    </xdr:from>
    <xdr:to>
      <xdr:col>55</xdr:col>
      <xdr:colOff>50800</xdr:colOff>
      <xdr:row>38</xdr:row>
      <xdr:rowOff>42926</xdr:rowOff>
    </xdr:to>
    <xdr:sp macro="" textlink="">
      <xdr:nvSpPr>
        <xdr:cNvPr id="311" name="楕円 310"/>
        <xdr:cNvSpPr/>
      </xdr:nvSpPr>
      <xdr:spPr>
        <a:xfrm>
          <a:off x="10426700" y="6456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91203</xdr:rowOff>
    </xdr:from>
    <xdr:ext cx="534377" cy="259045"/>
    <xdr:sp macro="" textlink="">
      <xdr:nvSpPr>
        <xdr:cNvPr id="312" name="補助費等該当値テキスト"/>
        <xdr:cNvSpPr txBox="1"/>
      </xdr:nvSpPr>
      <xdr:spPr>
        <a:xfrm>
          <a:off x="10528300" y="6434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50902</xdr:rowOff>
    </xdr:from>
    <xdr:to>
      <xdr:col>50</xdr:col>
      <xdr:colOff>165100</xdr:colOff>
      <xdr:row>39</xdr:row>
      <xdr:rowOff>152502</xdr:rowOff>
    </xdr:to>
    <xdr:sp macro="" textlink="">
      <xdr:nvSpPr>
        <xdr:cNvPr id="313" name="楕円 312"/>
        <xdr:cNvSpPr/>
      </xdr:nvSpPr>
      <xdr:spPr>
        <a:xfrm>
          <a:off x="9588500" y="6737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143629</xdr:rowOff>
    </xdr:from>
    <xdr:ext cx="534377" cy="259045"/>
    <xdr:sp macro="" textlink="">
      <xdr:nvSpPr>
        <xdr:cNvPr id="314" name="テキスト ボックス 313"/>
        <xdr:cNvSpPr txBox="1"/>
      </xdr:nvSpPr>
      <xdr:spPr>
        <a:xfrm>
          <a:off x="9372111" y="6830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80099</xdr:rowOff>
    </xdr:from>
    <xdr:to>
      <xdr:col>46</xdr:col>
      <xdr:colOff>38100</xdr:colOff>
      <xdr:row>32</xdr:row>
      <xdr:rowOff>10249</xdr:rowOff>
    </xdr:to>
    <xdr:sp macro="" textlink="">
      <xdr:nvSpPr>
        <xdr:cNvPr id="315" name="楕円 314"/>
        <xdr:cNvSpPr/>
      </xdr:nvSpPr>
      <xdr:spPr>
        <a:xfrm>
          <a:off x="8699500" y="5395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1376</xdr:rowOff>
    </xdr:from>
    <xdr:ext cx="599010" cy="259045"/>
    <xdr:sp macro="" textlink="">
      <xdr:nvSpPr>
        <xdr:cNvPr id="316" name="テキスト ボックス 315"/>
        <xdr:cNvSpPr txBox="1"/>
      </xdr:nvSpPr>
      <xdr:spPr>
        <a:xfrm>
          <a:off x="8450795" y="54877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53772</xdr:rowOff>
    </xdr:from>
    <xdr:to>
      <xdr:col>41</xdr:col>
      <xdr:colOff>101600</xdr:colOff>
      <xdr:row>39</xdr:row>
      <xdr:rowOff>155372</xdr:rowOff>
    </xdr:to>
    <xdr:sp macro="" textlink="">
      <xdr:nvSpPr>
        <xdr:cNvPr id="317" name="楕円 316"/>
        <xdr:cNvSpPr/>
      </xdr:nvSpPr>
      <xdr:spPr>
        <a:xfrm>
          <a:off x="7810500" y="6740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46499</xdr:rowOff>
    </xdr:from>
    <xdr:ext cx="534377" cy="259045"/>
    <xdr:sp macro="" textlink="">
      <xdr:nvSpPr>
        <xdr:cNvPr id="318" name="テキスト ボックス 317"/>
        <xdr:cNvSpPr txBox="1"/>
      </xdr:nvSpPr>
      <xdr:spPr>
        <a:xfrm>
          <a:off x="7594111" y="6833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45403</xdr:rowOff>
    </xdr:from>
    <xdr:to>
      <xdr:col>36</xdr:col>
      <xdr:colOff>165100</xdr:colOff>
      <xdr:row>39</xdr:row>
      <xdr:rowOff>147003</xdr:rowOff>
    </xdr:to>
    <xdr:sp macro="" textlink="">
      <xdr:nvSpPr>
        <xdr:cNvPr id="319" name="楕円 318"/>
        <xdr:cNvSpPr/>
      </xdr:nvSpPr>
      <xdr:spPr>
        <a:xfrm>
          <a:off x="6921500" y="6731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38130</xdr:rowOff>
    </xdr:from>
    <xdr:ext cx="534377" cy="259045"/>
    <xdr:sp macro="" textlink="">
      <xdr:nvSpPr>
        <xdr:cNvPr id="320" name="テキスト ボックス 319"/>
        <xdr:cNvSpPr txBox="1"/>
      </xdr:nvSpPr>
      <xdr:spPr>
        <a:xfrm>
          <a:off x="6705111" y="6824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6" name="テキスト ボックス 335"/>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8" name="テキスト ボックス 337"/>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3000</xdr:rowOff>
    </xdr:from>
    <xdr:to>
      <xdr:col>54</xdr:col>
      <xdr:colOff>189865</xdr:colOff>
      <xdr:row>58</xdr:row>
      <xdr:rowOff>148082</xdr:rowOff>
    </xdr:to>
    <xdr:cxnSp macro="">
      <xdr:nvCxnSpPr>
        <xdr:cNvPr id="344" name="直線コネクタ 343"/>
        <xdr:cNvCxnSpPr/>
      </xdr:nvCxnSpPr>
      <xdr:spPr>
        <a:xfrm flipV="1">
          <a:off x="10475595" y="8886950"/>
          <a:ext cx="1270" cy="12052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1909</xdr:rowOff>
    </xdr:from>
    <xdr:ext cx="469744" cy="259045"/>
    <xdr:sp macro="" textlink="">
      <xdr:nvSpPr>
        <xdr:cNvPr id="345" name="普通建設事業費最小値テキスト"/>
        <xdr:cNvSpPr txBox="1"/>
      </xdr:nvSpPr>
      <xdr:spPr>
        <a:xfrm>
          <a:off x="10528300" y="1009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48082</xdr:rowOff>
    </xdr:from>
    <xdr:to>
      <xdr:col>55</xdr:col>
      <xdr:colOff>88900</xdr:colOff>
      <xdr:row>58</xdr:row>
      <xdr:rowOff>148082</xdr:rowOff>
    </xdr:to>
    <xdr:cxnSp macro="">
      <xdr:nvCxnSpPr>
        <xdr:cNvPr id="346" name="直線コネクタ 345"/>
        <xdr:cNvCxnSpPr/>
      </xdr:nvCxnSpPr>
      <xdr:spPr>
        <a:xfrm>
          <a:off x="10388600" y="10092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9677</xdr:rowOff>
    </xdr:from>
    <xdr:ext cx="599010" cy="259045"/>
    <xdr:sp macro="" textlink="">
      <xdr:nvSpPr>
        <xdr:cNvPr id="347" name="普通建設事業費最大値テキスト"/>
        <xdr:cNvSpPr txBox="1"/>
      </xdr:nvSpPr>
      <xdr:spPr>
        <a:xfrm>
          <a:off x="10528300" y="8662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43000</xdr:rowOff>
    </xdr:from>
    <xdr:to>
      <xdr:col>55</xdr:col>
      <xdr:colOff>88900</xdr:colOff>
      <xdr:row>51</xdr:row>
      <xdr:rowOff>143000</xdr:rowOff>
    </xdr:to>
    <xdr:cxnSp macro="">
      <xdr:nvCxnSpPr>
        <xdr:cNvPr id="348" name="直線コネクタ 347"/>
        <xdr:cNvCxnSpPr/>
      </xdr:nvCxnSpPr>
      <xdr:spPr>
        <a:xfrm>
          <a:off x="10388600" y="8886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34572</xdr:rowOff>
    </xdr:from>
    <xdr:to>
      <xdr:col>55</xdr:col>
      <xdr:colOff>0</xdr:colOff>
      <xdr:row>58</xdr:row>
      <xdr:rowOff>27175</xdr:rowOff>
    </xdr:to>
    <xdr:cxnSp macro="">
      <xdr:nvCxnSpPr>
        <xdr:cNvPr id="349" name="直線コネクタ 348"/>
        <xdr:cNvCxnSpPr/>
      </xdr:nvCxnSpPr>
      <xdr:spPr>
        <a:xfrm flipV="1">
          <a:off x="9639300" y="9907222"/>
          <a:ext cx="838200" cy="64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8544</xdr:rowOff>
    </xdr:from>
    <xdr:ext cx="534377" cy="259045"/>
    <xdr:sp macro="" textlink="">
      <xdr:nvSpPr>
        <xdr:cNvPr id="350" name="普通建設事業費平均値テキスト"/>
        <xdr:cNvSpPr txBox="1"/>
      </xdr:nvSpPr>
      <xdr:spPr>
        <a:xfrm>
          <a:off x="10528300" y="96297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667</xdr:rowOff>
    </xdr:from>
    <xdr:to>
      <xdr:col>55</xdr:col>
      <xdr:colOff>50800</xdr:colOff>
      <xdr:row>57</xdr:row>
      <xdr:rowOff>107267</xdr:rowOff>
    </xdr:to>
    <xdr:sp macro="" textlink="">
      <xdr:nvSpPr>
        <xdr:cNvPr id="351" name="フローチャート: 判断 350"/>
        <xdr:cNvSpPr/>
      </xdr:nvSpPr>
      <xdr:spPr>
        <a:xfrm>
          <a:off x="10426700" y="9778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95557</xdr:rowOff>
    </xdr:from>
    <xdr:to>
      <xdr:col>50</xdr:col>
      <xdr:colOff>114300</xdr:colOff>
      <xdr:row>58</xdr:row>
      <xdr:rowOff>27175</xdr:rowOff>
    </xdr:to>
    <xdr:cxnSp macro="">
      <xdr:nvCxnSpPr>
        <xdr:cNvPr id="352" name="直線コネクタ 351"/>
        <xdr:cNvCxnSpPr/>
      </xdr:nvCxnSpPr>
      <xdr:spPr>
        <a:xfrm>
          <a:off x="8750300" y="9868207"/>
          <a:ext cx="889000" cy="103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8634</xdr:rowOff>
    </xdr:from>
    <xdr:to>
      <xdr:col>50</xdr:col>
      <xdr:colOff>165100</xdr:colOff>
      <xdr:row>57</xdr:row>
      <xdr:rowOff>78784</xdr:rowOff>
    </xdr:to>
    <xdr:sp macro="" textlink="">
      <xdr:nvSpPr>
        <xdr:cNvPr id="353" name="フローチャート: 判断 352"/>
        <xdr:cNvSpPr/>
      </xdr:nvSpPr>
      <xdr:spPr>
        <a:xfrm>
          <a:off x="9588500" y="974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95311</xdr:rowOff>
    </xdr:from>
    <xdr:ext cx="534377" cy="259045"/>
    <xdr:sp macro="" textlink="">
      <xdr:nvSpPr>
        <xdr:cNvPr id="354" name="テキスト ボックス 353"/>
        <xdr:cNvSpPr txBox="1"/>
      </xdr:nvSpPr>
      <xdr:spPr>
        <a:xfrm>
          <a:off x="9372111" y="9525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95557</xdr:rowOff>
    </xdr:from>
    <xdr:to>
      <xdr:col>45</xdr:col>
      <xdr:colOff>177800</xdr:colOff>
      <xdr:row>58</xdr:row>
      <xdr:rowOff>65756</xdr:rowOff>
    </xdr:to>
    <xdr:cxnSp macro="">
      <xdr:nvCxnSpPr>
        <xdr:cNvPr id="355" name="直線コネクタ 354"/>
        <xdr:cNvCxnSpPr/>
      </xdr:nvCxnSpPr>
      <xdr:spPr>
        <a:xfrm flipV="1">
          <a:off x="7861300" y="9868207"/>
          <a:ext cx="889000" cy="141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1242</xdr:rowOff>
    </xdr:from>
    <xdr:to>
      <xdr:col>46</xdr:col>
      <xdr:colOff>38100</xdr:colOff>
      <xdr:row>57</xdr:row>
      <xdr:rowOff>41392</xdr:rowOff>
    </xdr:to>
    <xdr:sp macro="" textlink="">
      <xdr:nvSpPr>
        <xdr:cNvPr id="356" name="フローチャート: 判断 355"/>
        <xdr:cNvSpPr/>
      </xdr:nvSpPr>
      <xdr:spPr>
        <a:xfrm>
          <a:off x="8699500" y="971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7919</xdr:rowOff>
    </xdr:from>
    <xdr:ext cx="534377" cy="259045"/>
    <xdr:sp macro="" textlink="">
      <xdr:nvSpPr>
        <xdr:cNvPr id="357" name="テキスト ボックス 356"/>
        <xdr:cNvSpPr txBox="1"/>
      </xdr:nvSpPr>
      <xdr:spPr>
        <a:xfrm>
          <a:off x="8483111" y="948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65756</xdr:rowOff>
    </xdr:from>
    <xdr:to>
      <xdr:col>41</xdr:col>
      <xdr:colOff>50800</xdr:colOff>
      <xdr:row>58</xdr:row>
      <xdr:rowOff>76507</xdr:rowOff>
    </xdr:to>
    <xdr:cxnSp macro="">
      <xdr:nvCxnSpPr>
        <xdr:cNvPr id="358" name="直線コネクタ 357"/>
        <xdr:cNvCxnSpPr/>
      </xdr:nvCxnSpPr>
      <xdr:spPr>
        <a:xfrm flipV="1">
          <a:off x="6972300" y="10009856"/>
          <a:ext cx="889000" cy="10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7368</xdr:rowOff>
    </xdr:from>
    <xdr:to>
      <xdr:col>41</xdr:col>
      <xdr:colOff>101600</xdr:colOff>
      <xdr:row>57</xdr:row>
      <xdr:rowOff>47518</xdr:rowOff>
    </xdr:to>
    <xdr:sp macro="" textlink="">
      <xdr:nvSpPr>
        <xdr:cNvPr id="359" name="フローチャート: 判断 358"/>
        <xdr:cNvSpPr/>
      </xdr:nvSpPr>
      <xdr:spPr>
        <a:xfrm>
          <a:off x="7810500" y="971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4045</xdr:rowOff>
    </xdr:from>
    <xdr:ext cx="534377" cy="259045"/>
    <xdr:sp macro="" textlink="">
      <xdr:nvSpPr>
        <xdr:cNvPr id="360" name="テキスト ボックス 359"/>
        <xdr:cNvSpPr txBox="1"/>
      </xdr:nvSpPr>
      <xdr:spPr>
        <a:xfrm>
          <a:off x="7594111" y="9493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6911</xdr:rowOff>
    </xdr:from>
    <xdr:to>
      <xdr:col>36</xdr:col>
      <xdr:colOff>165100</xdr:colOff>
      <xdr:row>57</xdr:row>
      <xdr:rowOff>77061</xdr:rowOff>
    </xdr:to>
    <xdr:sp macro="" textlink="">
      <xdr:nvSpPr>
        <xdr:cNvPr id="361" name="フローチャート: 判断 360"/>
        <xdr:cNvSpPr/>
      </xdr:nvSpPr>
      <xdr:spPr>
        <a:xfrm>
          <a:off x="69215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93588</xdr:rowOff>
    </xdr:from>
    <xdr:ext cx="534377" cy="259045"/>
    <xdr:sp macro="" textlink="">
      <xdr:nvSpPr>
        <xdr:cNvPr id="362" name="テキスト ボックス 361"/>
        <xdr:cNvSpPr txBox="1"/>
      </xdr:nvSpPr>
      <xdr:spPr>
        <a:xfrm>
          <a:off x="6705111" y="9523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3772</xdr:rowOff>
    </xdr:from>
    <xdr:to>
      <xdr:col>55</xdr:col>
      <xdr:colOff>50800</xdr:colOff>
      <xdr:row>58</xdr:row>
      <xdr:rowOff>13922</xdr:rowOff>
    </xdr:to>
    <xdr:sp macro="" textlink="">
      <xdr:nvSpPr>
        <xdr:cNvPr id="368" name="楕円 367"/>
        <xdr:cNvSpPr/>
      </xdr:nvSpPr>
      <xdr:spPr>
        <a:xfrm>
          <a:off x="10426700" y="9856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2199</xdr:rowOff>
    </xdr:from>
    <xdr:ext cx="534377" cy="259045"/>
    <xdr:sp macro="" textlink="">
      <xdr:nvSpPr>
        <xdr:cNvPr id="369" name="普通建設事業費該当値テキスト"/>
        <xdr:cNvSpPr txBox="1"/>
      </xdr:nvSpPr>
      <xdr:spPr>
        <a:xfrm>
          <a:off x="10528300" y="9834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47825</xdr:rowOff>
    </xdr:from>
    <xdr:to>
      <xdr:col>50</xdr:col>
      <xdr:colOff>165100</xdr:colOff>
      <xdr:row>58</xdr:row>
      <xdr:rowOff>77975</xdr:rowOff>
    </xdr:to>
    <xdr:sp macro="" textlink="">
      <xdr:nvSpPr>
        <xdr:cNvPr id="370" name="楕円 369"/>
        <xdr:cNvSpPr/>
      </xdr:nvSpPr>
      <xdr:spPr>
        <a:xfrm>
          <a:off x="9588500" y="9920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69102</xdr:rowOff>
    </xdr:from>
    <xdr:ext cx="534377" cy="259045"/>
    <xdr:sp macro="" textlink="">
      <xdr:nvSpPr>
        <xdr:cNvPr id="371" name="テキスト ボックス 370"/>
        <xdr:cNvSpPr txBox="1"/>
      </xdr:nvSpPr>
      <xdr:spPr>
        <a:xfrm>
          <a:off x="9372111" y="1001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44757</xdr:rowOff>
    </xdr:from>
    <xdr:to>
      <xdr:col>46</xdr:col>
      <xdr:colOff>38100</xdr:colOff>
      <xdr:row>57</xdr:row>
      <xdr:rowOff>146357</xdr:rowOff>
    </xdr:to>
    <xdr:sp macro="" textlink="">
      <xdr:nvSpPr>
        <xdr:cNvPr id="372" name="楕円 371"/>
        <xdr:cNvSpPr/>
      </xdr:nvSpPr>
      <xdr:spPr>
        <a:xfrm>
          <a:off x="8699500" y="9817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37484</xdr:rowOff>
    </xdr:from>
    <xdr:ext cx="534377" cy="259045"/>
    <xdr:sp macro="" textlink="">
      <xdr:nvSpPr>
        <xdr:cNvPr id="373" name="テキスト ボックス 372"/>
        <xdr:cNvSpPr txBox="1"/>
      </xdr:nvSpPr>
      <xdr:spPr>
        <a:xfrm>
          <a:off x="8483111" y="9910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4956</xdr:rowOff>
    </xdr:from>
    <xdr:to>
      <xdr:col>41</xdr:col>
      <xdr:colOff>101600</xdr:colOff>
      <xdr:row>58</xdr:row>
      <xdr:rowOff>116556</xdr:rowOff>
    </xdr:to>
    <xdr:sp macro="" textlink="">
      <xdr:nvSpPr>
        <xdr:cNvPr id="374" name="楕円 373"/>
        <xdr:cNvSpPr/>
      </xdr:nvSpPr>
      <xdr:spPr>
        <a:xfrm>
          <a:off x="7810500" y="9959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07683</xdr:rowOff>
    </xdr:from>
    <xdr:ext cx="534377" cy="259045"/>
    <xdr:sp macro="" textlink="">
      <xdr:nvSpPr>
        <xdr:cNvPr id="375" name="テキスト ボックス 374"/>
        <xdr:cNvSpPr txBox="1"/>
      </xdr:nvSpPr>
      <xdr:spPr>
        <a:xfrm>
          <a:off x="7594111" y="10051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5707</xdr:rowOff>
    </xdr:from>
    <xdr:to>
      <xdr:col>36</xdr:col>
      <xdr:colOff>165100</xdr:colOff>
      <xdr:row>58</xdr:row>
      <xdr:rowOff>127307</xdr:rowOff>
    </xdr:to>
    <xdr:sp macro="" textlink="">
      <xdr:nvSpPr>
        <xdr:cNvPr id="376" name="楕円 375"/>
        <xdr:cNvSpPr/>
      </xdr:nvSpPr>
      <xdr:spPr>
        <a:xfrm>
          <a:off x="6921500" y="9969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18434</xdr:rowOff>
    </xdr:from>
    <xdr:ext cx="534377" cy="259045"/>
    <xdr:sp macro="" textlink="">
      <xdr:nvSpPr>
        <xdr:cNvPr id="377" name="テキスト ボックス 376"/>
        <xdr:cNvSpPr txBox="1"/>
      </xdr:nvSpPr>
      <xdr:spPr>
        <a:xfrm>
          <a:off x="6705111" y="10062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6918</xdr:rowOff>
    </xdr:from>
    <xdr:to>
      <xdr:col>54</xdr:col>
      <xdr:colOff>189865</xdr:colOff>
      <xdr:row>79</xdr:row>
      <xdr:rowOff>44450</xdr:rowOff>
    </xdr:to>
    <xdr:cxnSp macro="">
      <xdr:nvCxnSpPr>
        <xdr:cNvPr id="401" name="直線コネクタ 400"/>
        <xdr:cNvCxnSpPr/>
      </xdr:nvCxnSpPr>
      <xdr:spPr>
        <a:xfrm flipV="1">
          <a:off x="10475595" y="11956968"/>
          <a:ext cx="1270" cy="1632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2"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3" name="直線コネクタ 402"/>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3595</xdr:rowOff>
    </xdr:from>
    <xdr:ext cx="534377" cy="259045"/>
    <xdr:sp macro="" textlink="">
      <xdr:nvSpPr>
        <xdr:cNvPr id="404" name="普通建設事業費 （ うち新規整備　）最大値テキスト"/>
        <xdr:cNvSpPr txBox="1"/>
      </xdr:nvSpPr>
      <xdr:spPr>
        <a:xfrm>
          <a:off x="10528300" y="1173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26918</xdr:rowOff>
    </xdr:from>
    <xdr:to>
      <xdr:col>55</xdr:col>
      <xdr:colOff>88900</xdr:colOff>
      <xdr:row>69</xdr:row>
      <xdr:rowOff>126918</xdr:rowOff>
    </xdr:to>
    <xdr:cxnSp macro="">
      <xdr:nvCxnSpPr>
        <xdr:cNvPr id="405" name="直線コネクタ 404"/>
        <xdr:cNvCxnSpPr/>
      </xdr:nvCxnSpPr>
      <xdr:spPr>
        <a:xfrm>
          <a:off x="10388600" y="11956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15582</xdr:rowOff>
    </xdr:from>
    <xdr:to>
      <xdr:col>55</xdr:col>
      <xdr:colOff>0</xdr:colOff>
      <xdr:row>79</xdr:row>
      <xdr:rowOff>34544</xdr:rowOff>
    </xdr:to>
    <xdr:cxnSp macro="">
      <xdr:nvCxnSpPr>
        <xdr:cNvPr id="406" name="直線コネクタ 405"/>
        <xdr:cNvCxnSpPr/>
      </xdr:nvCxnSpPr>
      <xdr:spPr>
        <a:xfrm flipV="1">
          <a:off x="9639300" y="13488682"/>
          <a:ext cx="838200" cy="90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5498</xdr:rowOff>
    </xdr:from>
    <xdr:ext cx="534377" cy="259045"/>
    <xdr:sp macro="" textlink="">
      <xdr:nvSpPr>
        <xdr:cNvPr id="407" name="普通建設事業費 （ うち新規整備　）平均値テキスト"/>
        <xdr:cNvSpPr txBox="1"/>
      </xdr:nvSpPr>
      <xdr:spPr>
        <a:xfrm>
          <a:off x="10528300" y="131956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2621</xdr:rowOff>
    </xdr:from>
    <xdr:to>
      <xdr:col>55</xdr:col>
      <xdr:colOff>50800</xdr:colOff>
      <xdr:row>78</xdr:row>
      <xdr:rowOff>72771</xdr:rowOff>
    </xdr:to>
    <xdr:sp macro="" textlink="">
      <xdr:nvSpPr>
        <xdr:cNvPr id="408" name="フローチャート: 判断 407"/>
        <xdr:cNvSpPr/>
      </xdr:nvSpPr>
      <xdr:spPr>
        <a:xfrm>
          <a:off x="10426700" y="13344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1433</xdr:rowOff>
    </xdr:from>
    <xdr:to>
      <xdr:col>50</xdr:col>
      <xdr:colOff>114300</xdr:colOff>
      <xdr:row>79</xdr:row>
      <xdr:rowOff>34544</xdr:rowOff>
    </xdr:to>
    <xdr:cxnSp macro="">
      <xdr:nvCxnSpPr>
        <xdr:cNvPr id="409" name="直線コネクタ 408"/>
        <xdr:cNvCxnSpPr/>
      </xdr:nvCxnSpPr>
      <xdr:spPr>
        <a:xfrm>
          <a:off x="8750300" y="13514533"/>
          <a:ext cx="889000" cy="64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16294</xdr:rowOff>
    </xdr:from>
    <xdr:to>
      <xdr:col>50</xdr:col>
      <xdr:colOff>165100</xdr:colOff>
      <xdr:row>78</xdr:row>
      <xdr:rowOff>46444</xdr:rowOff>
    </xdr:to>
    <xdr:sp macro="" textlink="">
      <xdr:nvSpPr>
        <xdr:cNvPr id="410" name="フローチャート: 判断 409"/>
        <xdr:cNvSpPr/>
      </xdr:nvSpPr>
      <xdr:spPr>
        <a:xfrm>
          <a:off x="9588500" y="13317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62971</xdr:rowOff>
    </xdr:from>
    <xdr:ext cx="534377" cy="259045"/>
    <xdr:sp macro="" textlink="">
      <xdr:nvSpPr>
        <xdr:cNvPr id="411" name="テキスト ボックス 410"/>
        <xdr:cNvSpPr txBox="1"/>
      </xdr:nvSpPr>
      <xdr:spPr>
        <a:xfrm>
          <a:off x="9372111" y="13093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41433</xdr:rowOff>
    </xdr:from>
    <xdr:to>
      <xdr:col>45</xdr:col>
      <xdr:colOff>177800</xdr:colOff>
      <xdr:row>79</xdr:row>
      <xdr:rowOff>34868</xdr:rowOff>
    </xdr:to>
    <xdr:cxnSp macro="">
      <xdr:nvCxnSpPr>
        <xdr:cNvPr id="412" name="直線コネクタ 411"/>
        <xdr:cNvCxnSpPr/>
      </xdr:nvCxnSpPr>
      <xdr:spPr>
        <a:xfrm flipV="1">
          <a:off x="7861300" y="13514533"/>
          <a:ext cx="889000" cy="64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9127</xdr:rowOff>
    </xdr:from>
    <xdr:to>
      <xdr:col>46</xdr:col>
      <xdr:colOff>38100</xdr:colOff>
      <xdr:row>78</xdr:row>
      <xdr:rowOff>9277</xdr:rowOff>
    </xdr:to>
    <xdr:sp macro="" textlink="">
      <xdr:nvSpPr>
        <xdr:cNvPr id="413" name="フローチャート: 判断 412"/>
        <xdr:cNvSpPr/>
      </xdr:nvSpPr>
      <xdr:spPr>
        <a:xfrm>
          <a:off x="8699500" y="13280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5804</xdr:rowOff>
    </xdr:from>
    <xdr:ext cx="534377" cy="259045"/>
    <xdr:sp macro="" textlink="">
      <xdr:nvSpPr>
        <xdr:cNvPr id="414" name="テキスト ボックス 413"/>
        <xdr:cNvSpPr txBox="1"/>
      </xdr:nvSpPr>
      <xdr:spPr>
        <a:xfrm>
          <a:off x="8483111" y="13056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9611</xdr:rowOff>
    </xdr:from>
    <xdr:to>
      <xdr:col>41</xdr:col>
      <xdr:colOff>50800</xdr:colOff>
      <xdr:row>79</xdr:row>
      <xdr:rowOff>34868</xdr:rowOff>
    </xdr:to>
    <xdr:cxnSp macro="">
      <xdr:nvCxnSpPr>
        <xdr:cNvPr id="415" name="直線コネクタ 414"/>
        <xdr:cNvCxnSpPr/>
      </xdr:nvCxnSpPr>
      <xdr:spPr>
        <a:xfrm>
          <a:off x="6972300" y="13574161"/>
          <a:ext cx="889000" cy="5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89148</xdr:rowOff>
    </xdr:from>
    <xdr:to>
      <xdr:col>41</xdr:col>
      <xdr:colOff>101600</xdr:colOff>
      <xdr:row>78</xdr:row>
      <xdr:rowOff>19298</xdr:rowOff>
    </xdr:to>
    <xdr:sp macro="" textlink="">
      <xdr:nvSpPr>
        <xdr:cNvPr id="416" name="フローチャート: 判断 415"/>
        <xdr:cNvSpPr/>
      </xdr:nvSpPr>
      <xdr:spPr>
        <a:xfrm>
          <a:off x="7810500" y="13290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5825</xdr:rowOff>
    </xdr:from>
    <xdr:ext cx="534377" cy="259045"/>
    <xdr:sp macro="" textlink="">
      <xdr:nvSpPr>
        <xdr:cNvPr id="417" name="テキスト ボックス 416"/>
        <xdr:cNvSpPr txBox="1"/>
      </xdr:nvSpPr>
      <xdr:spPr>
        <a:xfrm>
          <a:off x="7594111" y="13066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180</xdr:rowOff>
    </xdr:from>
    <xdr:to>
      <xdr:col>36</xdr:col>
      <xdr:colOff>165100</xdr:colOff>
      <xdr:row>77</xdr:row>
      <xdr:rowOff>142780</xdr:rowOff>
    </xdr:to>
    <xdr:sp macro="" textlink="">
      <xdr:nvSpPr>
        <xdr:cNvPr id="418" name="フローチャート: 判断 417"/>
        <xdr:cNvSpPr/>
      </xdr:nvSpPr>
      <xdr:spPr>
        <a:xfrm>
          <a:off x="6921500" y="13242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59307</xdr:rowOff>
    </xdr:from>
    <xdr:ext cx="534377" cy="259045"/>
    <xdr:sp macro="" textlink="">
      <xdr:nvSpPr>
        <xdr:cNvPr id="419" name="テキスト ボックス 418"/>
        <xdr:cNvSpPr txBox="1"/>
      </xdr:nvSpPr>
      <xdr:spPr>
        <a:xfrm>
          <a:off x="6705111" y="13018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4782</xdr:rowOff>
    </xdr:from>
    <xdr:to>
      <xdr:col>55</xdr:col>
      <xdr:colOff>50800</xdr:colOff>
      <xdr:row>78</xdr:row>
      <xdr:rowOff>166382</xdr:rowOff>
    </xdr:to>
    <xdr:sp macro="" textlink="">
      <xdr:nvSpPr>
        <xdr:cNvPr id="425" name="楕円 424"/>
        <xdr:cNvSpPr/>
      </xdr:nvSpPr>
      <xdr:spPr>
        <a:xfrm>
          <a:off x="10426700" y="13437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1159</xdr:rowOff>
    </xdr:from>
    <xdr:ext cx="469744" cy="259045"/>
    <xdr:sp macro="" textlink="">
      <xdr:nvSpPr>
        <xdr:cNvPr id="426" name="普通建設事業費 （ うち新規整備　）該当値テキスト"/>
        <xdr:cNvSpPr txBox="1"/>
      </xdr:nvSpPr>
      <xdr:spPr>
        <a:xfrm>
          <a:off x="10528300" y="13352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5194</xdr:rowOff>
    </xdr:from>
    <xdr:to>
      <xdr:col>50</xdr:col>
      <xdr:colOff>165100</xdr:colOff>
      <xdr:row>79</xdr:row>
      <xdr:rowOff>85344</xdr:rowOff>
    </xdr:to>
    <xdr:sp macro="" textlink="">
      <xdr:nvSpPr>
        <xdr:cNvPr id="427" name="楕円 426"/>
        <xdr:cNvSpPr/>
      </xdr:nvSpPr>
      <xdr:spPr>
        <a:xfrm>
          <a:off x="9588500" y="13528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76471</xdr:rowOff>
    </xdr:from>
    <xdr:ext cx="378565" cy="259045"/>
    <xdr:sp macro="" textlink="">
      <xdr:nvSpPr>
        <xdr:cNvPr id="428" name="テキスト ボックス 427"/>
        <xdr:cNvSpPr txBox="1"/>
      </xdr:nvSpPr>
      <xdr:spPr>
        <a:xfrm>
          <a:off x="9450017" y="136210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0633</xdr:rowOff>
    </xdr:from>
    <xdr:to>
      <xdr:col>46</xdr:col>
      <xdr:colOff>38100</xdr:colOff>
      <xdr:row>79</xdr:row>
      <xdr:rowOff>20783</xdr:rowOff>
    </xdr:to>
    <xdr:sp macro="" textlink="">
      <xdr:nvSpPr>
        <xdr:cNvPr id="429" name="楕円 428"/>
        <xdr:cNvSpPr/>
      </xdr:nvSpPr>
      <xdr:spPr>
        <a:xfrm>
          <a:off x="8699500" y="13463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1910</xdr:rowOff>
    </xdr:from>
    <xdr:ext cx="469744" cy="259045"/>
    <xdr:sp macro="" textlink="">
      <xdr:nvSpPr>
        <xdr:cNvPr id="430" name="テキスト ボックス 429"/>
        <xdr:cNvSpPr txBox="1"/>
      </xdr:nvSpPr>
      <xdr:spPr>
        <a:xfrm>
          <a:off x="8515428" y="13556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5518</xdr:rowOff>
    </xdr:from>
    <xdr:to>
      <xdr:col>41</xdr:col>
      <xdr:colOff>101600</xdr:colOff>
      <xdr:row>79</xdr:row>
      <xdr:rowOff>85668</xdr:rowOff>
    </xdr:to>
    <xdr:sp macro="" textlink="">
      <xdr:nvSpPr>
        <xdr:cNvPr id="431" name="楕円 430"/>
        <xdr:cNvSpPr/>
      </xdr:nvSpPr>
      <xdr:spPr>
        <a:xfrm>
          <a:off x="7810500" y="13528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76795</xdr:rowOff>
    </xdr:from>
    <xdr:ext cx="378565" cy="259045"/>
    <xdr:sp macro="" textlink="">
      <xdr:nvSpPr>
        <xdr:cNvPr id="432" name="テキスト ボックス 431"/>
        <xdr:cNvSpPr txBox="1"/>
      </xdr:nvSpPr>
      <xdr:spPr>
        <a:xfrm>
          <a:off x="7672017" y="136213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0261</xdr:rowOff>
    </xdr:from>
    <xdr:to>
      <xdr:col>36</xdr:col>
      <xdr:colOff>165100</xdr:colOff>
      <xdr:row>79</xdr:row>
      <xdr:rowOff>80411</xdr:rowOff>
    </xdr:to>
    <xdr:sp macro="" textlink="">
      <xdr:nvSpPr>
        <xdr:cNvPr id="433" name="楕円 432"/>
        <xdr:cNvSpPr/>
      </xdr:nvSpPr>
      <xdr:spPr>
        <a:xfrm>
          <a:off x="6921500" y="1352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71538</xdr:rowOff>
    </xdr:from>
    <xdr:ext cx="378565" cy="259045"/>
    <xdr:sp macro="" textlink="">
      <xdr:nvSpPr>
        <xdr:cNvPr id="434" name="テキスト ボックス 433"/>
        <xdr:cNvSpPr txBox="1"/>
      </xdr:nvSpPr>
      <xdr:spPr>
        <a:xfrm>
          <a:off x="6783017" y="136160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6" name="テキスト ボックス 445"/>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4" name="テキスト ボックス 453"/>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6019</xdr:rowOff>
    </xdr:from>
    <xdr:to>
      <xdr:col>54</xdr:col>
      <xdr:colOff>189865</xdr:colOff>
      <xdr:row>99</xdr:row>
      <xdr:rowOff>40667</xdr:rowOff>
    </xdr:to>
    <xdr:cxnSp macro="">
      <xdr:nvCxnSpPr>
        <xdr:cNvPr id="460" name="直線コネクタ 459"/>
        <xdr:cNvCxnSpPr/>
      </xdr:nvCxnSpPr>
      <xdr:spPr>
        <a:xfrm flipV="1">
          <a:off x="10475595" y="15506519"/>
          <a:ext cx="1270" cy="1507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4494</xdr:rowOff>
    </xdr:from>
    <xdr:ext cx="469744" cy="259045"/>
    <xdr:sp macro="" textlink="">
      <xdr:nvSpPr>
        <xdr:cNvPr id="461" name="普通建設事業費 （ うち更新整備　）最小値テキスト"/>
        <xdr:cNvSpPr txBox="1"/>
      </xdr:nvSpPr>
      <xdr:spPr>
        <a:xfrm>
          <a:off x="10528300" y="17018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0667</xdr:rowOff>
    </xdr:from>
    <xdr:to>
      <xdr:col>55</xdr:col>
      <xdr:colOff>88900</xdr:colOff>
      <xdr:row>99</xdr:row>
      <xdr:rowOff>40667</xdr:rowOff>
    </xdr:to>
    <xdr:cxnSp macro="">
      <xdr:nvCxnSpPr>
        <xdr:cNvPr id="462" name="直線コネクタ 461"/>
        <xdr:cNvCxnSpPr/>
      </xdr:nvCxnSpPr>
      <xdr:spPr>
        <a:xfrm>
          <a:off x="10388600" y="17014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2696</xdr:rowOff>
    </xdr:from>
    <xdr:ext cx="534377" cy="259045"/>
    <xdr:sp macro="" textlink="">
      <xdr:nvSpPr>
        <xdr:cNvPr id="463" name="普通建設事業費 （ うち更新整備　）最大値テキスト"/>
        <xdr:cNvSpPr txBox="1"/>
      </xdr:nvSpPr>
      <xdr:spPr>
        <a:xfrm>
          <a:off x="10528300" y="15281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6019</xdr:rowOff>
    </xdr:from>
    <xdr:to>
      <xdr:col>55</xdr:col>
      <xdr:colOff>88900</xdr:colOff>
      <xdr:row>90</xdr:row>
      <xdr:rowOff>76019</xdr:rowOff>
    </xdr:to>
    <xdr:cxnSp macro="">
      <xdr:nvCxnSpPr>
        <xdr:cNvPr id="464" name="直線コネクタ 463"/>
        <xdr:cNvCxnSpPr/>
      </xdr:nvCxnSpPr>
      <xdr:spPr>
        <a:xfrm>
          <a:off x="10388600" y="15506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6697</xdr:rowOff>
    </xdr:from>
    <xdr:to>
      <xdr:col>55</xdr:col>
      <xdr:colOff>0</xdr:colOff>
      <xdr:row>98</xdr:row>
      <xdr:rowOff>79448</xdr:rowOff>
    </xdr:to>
    <xdr:cxnSp macro="">
      <xdr:nvCxnSpPr>
        <xdr:cNvPr id="465" name="直線コネクタ 464"/>
        <xdr:cNvCxnSpPr/>
      </xdr:nvCxnSpPr>
      <xdr:spPr>
        <a:xfrm flipV="1">
          <a:off x="9639300" y="16818797"/>
          <a:ext cx="838200" cy="62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2918</xdr:rowOff>
    </xdr:from>
    <xdr:ext cx="534377" cy="259045"/>
    <xdr:sp macro="" textlink="">
      <xdr:nvSpPr>
        <xdr:cNvPr id="466" name="普通建設事業費 （ うち更新整備　）平均値テキスト"/>
        <xdr:cNvSpPr txBox="1"/>
      </xdr:nvSpPr>
      <xdr:spPr>
        <a:xfrm>
          <a:off x="10528300" y="164506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0041</xdr:rowOff>
    </xdr:from>
    <xdr:to>
      <xdr:col>55</xdr:col>
      <xdr:colOff>50800</xdr:colOff>
      <xdr:row>97</xdr:row>
      <xdr:rowOff>70191</xdr:rowOff>
    </xdr:to>
    <xdr:sp macro="" textlink="">
      <xdr:nvSpPr>
        <xdr:cNvPr id="467" name="フローチャート: 判断 466"/>
        <xdr:cNvSpPr/>
      </xdr:nvSpPr>
      <xdr:spPr>
        <a:xfrm>
          <a:off x="10426700" y="16599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6549</xdr:rowOff>
    </xdr:from>
    <xdr:to>
      <xdr:col>50</xdr:col>
      <xdr:colOff>114300</xdr:colOff>
      <xdr:row>98</xdr:row>
      <xdr:rowOff>79448</xdr:rowOff>
    </xdr:to>
    <xdr:cxnSp macro="">
      <xdr:nvCxnSpPr>
        <xdr:cNvPr id="468" name="直線コネクタ 467"/>
        <xdr:cNvCxnSpPr/>
      </xdr:nvCxnSpPr>
      <xdr:spPr>
        <a:xfrm>
          <a:off x="8750300" y="16818649"/>
          <a:ext cx="889000" cy="62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4227</xdr:rowOff>
    </xdr:from>
    <xdr:to>
      <xdr:col>50</xdr:col>
      <xdr:colOff>165100</xdr:colOff>
      <xdr:row>97</xdr:row>
      <xdr:rowOff>64377</xdr:rowOff>
    </xdr:to>
    <xdr:sp macro="" textlink="">
      <xdr:nvSpPr>
        <xdr:cNvPr id="469" name="フローチャート: 判断 468"/>
        <xdr:cNvSpPr/>
      </xdr:nvSpPr>
      <xdr:spPr>
        <a:xfrm>
          <a:off x="9588500" y="16593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0904</xdr:rowOff>
    </xdr:from>
    <xdr:ext cx="534377" cy="259045"/>
    <xdr:sp macro="" textlink="">
      <xdr:nvSpPr>
        <xdr:cNvPr id="470" name="テキスト ボックス 469"/>
        <xdr:cNvSpPr txBox="1"/>
      </xdr:nvSpPr>
      <xdr:spPr>
        <a:xfrm>
          <a:off x="9372111" y="1636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5049</xdr:rowOff>
    </xdr:from>
    <xdr:to>
      <xdr:col>45</xdr:col>
      <xdr:colOff>177800</xdr:colOff>
      <xdr:row>98</xdr:row>
      <xdr:rowOff>16549</xdr:rowOff>
    </xdr:to>
    <xdr:cxnSp macro="">
      <xdr:nvCxnSpPr>
        <xdr:cNvPr id="471" name="直線コネクタ 470"/>
        <xdr:cNvCxnSpPr/>
      </xdr:nvCxnSpPr>
      <xdr:spPr>
        <a:xfrm>
          <a:off x="7861300" y="16785699"/>
          <a:ext cx="889000" cy="32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6418</xdr:rowOff>
    </xdr:from>
    <xdr:to>
      <xdr:col>46</xdr:col>
      <xdr:colOff>38100</xdr:colOff>
      <xdr:row>97</xdr:row>
      <xdr:rowOff>16568</xdr:rowOff>
    </xdr:to>
    <xdr:sp macro="" textlink="">
      <xdr:nvSpPr>
        <xdr:cNvPr id="472" name="フローチャート: 判断 471"/>
        <xdr:cNvSpPr/>
      </xdr:nvSpPr>
      <xdr:spPr>
        <a:xfrm>
          <a:off x="8699500" y="16545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3095</xdr:rowOff>
    </xdr:from>
    <xdr:ext cx="534377" cy="259045"/>
    <xdr:sp macro="" textlink="">
      <xdr:nvSpPr>
        <xdr:cNvPr id="473" name="テキスト ボックス 472"/>
        <xdr:cNvSpPr txBox="1"/>
      </xdr:nvSpPr>
      <xdr:spPr>
        <a:xfrm>
          <a:off x="8483111" y="16320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55049</xdr:rowOff>
    </xdr:from>
    <xdr:to>
      <xdr:col>41</xdr:col>
      <xdr:colOff>50800</xdr:colOff>
      <xdr:row>98</xdr:row>
      <xdr:rowOff>28029</xdr:rowOff>
    </xdr:to>
    <xdr:cxnSp macro="">
      <xdr:nvCxnSpPr>
        <xdr:cNvPr id="474" name="直線コネクタ 473"/>
        <xdr:cNvCxnSpPr/>
      </xdr:nvCxnSpPr>
      <xdr:spPr>
        <a:xfrm flipV="1">
          <a:off x="6972300" y="16785699"/>
          <a:ext cx="889000" cy="4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3609</xdr:rowOff>
    </xdr:from>
    <xdr:to>
      <xdr:col>41</xdr:col>
      <xdr:colOff>101600</xdr:colOff>
      <xdr:row>97</xdr:row>
      <xdr:rowOff>13759</xdr:rowOff>
    </xdr:to>
    <xdr:sp macro="" textlink="">
      <xdr:nvSpPr>
        <xdr:cNvPr id="475" name="フローチャート: 判断 474"/>
        <xdr:cNvSpPr/>
      </xdr:nvSpPr>
      <xdr:spPr>
        <a:xfrm>
          <a:off x="7810500" y="16542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0286</xdr:rowOff>
    </xdr:from>
    <xdr:ext cx="534377" cy="259045"/>
    <xdr:sp macro="" textlink="">
      <xdr:nvSpPr>
        <xdr:cNvPr id="476" name="テキスト ボックス 475"/>
        <xdr:cNvSpPr txBox="1"/>
      </xdr:nvSpPr>
      <xdr:spPr>
        <a:xfrm>
          <a:off x="7594111" y="16318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420</xdr:rowOff>
    </xdr:from>
    <xdr:to>
      <xdr:col>36</xdr:col>
      <xdr:colOff>165100</xdr:colOff>
      <xdr:row>97</xdr:row>
      <xdr:rowOff>109020</xdr:rowOff>
    </xdr:to>
    <xdr:sp macro="" textlink="">
      <xdr:nvSpPr>
        <xdr:cNvPr id="477" name="フローチャート: 判断 476"/>
        <xdr:cNvSpPr/>
      </xdr:nvSpPr>
      <xdr:spPr>
        <a:xfrm>
          <a:off x="6921500" y="16638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5547</xdr:rowOff>
    </xdr:from>
    <xdr:ext cx="534377" cy="259045"/>
    <xdr:sp macro="" textlink="">
      <xdr:nvSpPr>
        <xdr:cNvPr id="478" name="テキスト ボックス 477"/>
        <xdr:cNvSpPr txBox="1"/>
      </xdr:nvSpPr>
      <xdr:spPr>
        <a:xfrm>
          <a:off x="6705111" y="1641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37347</xdr:rowOff>
    </xdr:from>
    <xdr:to>
      <xdr:col>55</xdr:col>
      <xdr:colOff>50800</xdr:colOff>
      <xdr:row>98</xdr:row>
      <xdr:rowOff>67497</xdr:rowOff>
    </xdr:to>
    <xdr:sp macro="" textlink="">
      <xdr:nvSpPr>
        <xdr:cNvPr id="484" name="楕円 483"/>
        <xdr:cNvSpPr/>
      </xdr:nvSpPr>
      <xdr:spPr>
        <a:xfrm>
          <a:off x="10426700" y="16767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5774</xdr:rowOff>
    </xdr:from>
    <xdr:ext cx="534377" cy="259045"/>
    <xdr:sp macro="" textlink="">
      <xdr:nvSpPr>
        <xdr:cNvPr id="485" name="普通建設事業費 （ うち更新整備　）該当値テキスト"/>
        <xdr:cNvSpPr txBox="1"/>
      </xdr:nvSpPr>
      <xdr:spPr>
        <a:xfrm>
          <a:off x="10528300" y="16746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28648</xdr:rowOff>
    </xdr:from>
    <xdr:to>
      <xdr:col>50</xdr:col>
      <xdr:colOff>165100</xdr:colOff>
      <xdr:row>98</xdr:row>
      <xdr:rowOff>130248</xdr:rowOff>
    </xdr:to>
    <xdr:sp macro="" textlink="">
      <xdr:nvSpPr>
        <xdr:cNvPr id="486" name="楕円 485"/>
        <xdr:cNvSpPr/>
      </xdr:nvSpPr>
      <xdr:spPr>
        <a:xfrm>
          <a:off x="9588500" y="16830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21375</xdr:rowOff>
    </xdr:from>
    <xdr:ext cx="534377" cy="259045"/>
    <xdr:sp macro="" textlink="">
      <xdr:nvSpPr>
        <xdr:cNvPr id="487" name="テキスト ボックス 486"/>
        <xdr:cNvSpPr txBox="1"/>
      </xdr:nvSpPr>
      <xdr:spPr>
        <a:xfrm>
          <a:off x="9372111" y="1692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37199</xdr:rowOff>
    </xdr:from>
    <xdr:to>
      <xdr:col>46</xdr:col>
      <xdr:colOff>38100</xdr:colOff>
      <xdr:row>98</xdr:row>
      <xdr:rowOff>67349</xdr:rowOff>
    </xdr:to>
    <xdr:sp macro="" textlink="">
      <xdr:nvSpPr>
        <xdr:cNvPr id="488" name="楕円 487"/>
        <xdr:cNvSpPr/>
      </xdr:nvSpPr>
      <xdr:spPr>
        <a:xfrm>
          <a:off x="8699500" y="16767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58476</xdr:rowOff>
    </xdr:from>
    <xdr:ext cx="534377" cy="259045"/>
    <xdr:sp macro="" textlink="">
      <xdr:nvSpPr>
        <xdr:cNvPr id="489" name="テキスト ボックス 488"/>
        <xdr:cNvSpPr txBox="1"/>
      </xdr:nvSpPr>
      <xdr:spPr>
        <a:xfrm>
          <a:off x="8483111" y="16860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04249</xdr:rowOff>
    </xdr:from>
    <xdr:to>
      <xdr:col>41</xdr:col>
      <xdr:colOff>101600</xdr:colOff>
      <xdr:row>98</xdr:row>
      <xdr:rowOff>34399</xdr:rowOff>
    </xdr:to>
    <xdr:sp macro="" textlink="">
      <xdr:nvSpPr>
        <xdr:cNvPr id="490" name="楕円 489"/>
        <xdr:cNvSpPr/>
      </xdr:nvSpPr>
      <xdr:spPr>
        <a:xfrm>
          <a:off x="7810500" y="16734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25526</xdr:rowOff>
    </xdr:from>
    <xdr:ext cx="534377" cy="259045"/>
    <xdr:sp macro="" textlink="">
      <xdr:nvSpPr>
        <xdr:cNvPr id="491" name="テキスト ボックス 490"/>
        <xdr:cNvSpPr txBox="1"/>
      </xdr:nvSpPr>
      <xdr:spPr>
        <a:xfrm>
          <a:off x="7594111" y="16827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8679</xdr:rowOff>
    </xdr:from>
    <xdr:to>
      <xdr:col>36</xdr:col>
      <xdr:colOff>165100</xdr:colOff>
      <xdr:row>98</xdr:row>
      <xdr:rowOff>78829</xdr:rowOff>
    </xdr:to>
    <xdr:sp macro="" textlink="">
      <xdr:nvSpPr>
        <xdr:cNvPr id="492" name="楕円 491"/>
        <xdr:cNvSpPr/>
      </xdr:nvSpPr>
      <xdr:spPr>
        <a:xfrm>
          <a:off x="6921500" y="16779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69956</xdr:rowOff>
    </xdr:from>
    <xdr:ext cx="534377" cy="259045"/>
    <xdr:sp macro="" textlink="">
      <xdr:nvSpPr>
        <xdr:cNvPr id="493" name="テキスト ボックス 492"/>
        <xdr:cNvSpPr txBox="1"/>
      </xdr:nvSpPr>
      <xdr:spPr>
        <a:xfrm>
          <a:off x="6705111" y="16872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4" name="直線コネクタ 503"/>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5" name="テキスト ボックス 504"/>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6" name="直線コネクタ 505"/>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7" name="テキスト ボックス 506"/>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8" name="直線コネクタ 507"/>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9" name="テキスト ボックス 508"/>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0" name="直線コネクタ 509"/>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1" name="テキスト ボックス 510"/>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2" name="直線コネクタ 511"/>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3" name="テキスト ボックス 512"/>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4" name="直線コネクタ 513"/>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5" name="テキスト ボックス 514"/>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7" name="テキスト ボックス 516"/>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839</xdr:rowOff>
    </xdr:from>
    <xdr:to>
      <xdr:col>85</xdr:col>
      <xdr:colOff>126364</xdr:colOff>
      <xdr:row>39</xdr:row>
      <xdr:rowOff>98878</xdr:rowOff>
    </xdr:to>
    <xdr:cxnSp macro="">
      <xdr:nvCxnSpPr>
        <xdr:cNvPr id="519" name="直線コネクタ 518"/>
        <xdr:cNvCxnSpPr/>
      </xdr:nvCxnSpPr>
      <xdr:spPr>
        <a:xfrm flipV="1">
          <a:off x="16317595" y="5324789"/>
          <a:ext cx="1269" cy="1460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24995</xdr:rowOff>
    </xdr:from>
    <xdr:ext cx="249299" cy="259045"/>
    <xdr:sp macro="" textlink="">
      <xdr:nvSpPr>
        <xdr:cNvPr id="520" name="災害復旧事業費最小値テキスト"/>
        <xdr:cNvSpPr txBox="1"/>
      </xdr:nvSpPr>
      <xdr:spPr>
        <a:xfrm>
          <a:off x="16370300" y="6811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1" name="直線コネクタ 520"/>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7966</xdr:rowOff>
    </xdr:from>
    <xdr:ext cx="534377" cy="259045"/>
    <xdr:sp macro="" textlink="">
      <xdr:nvSpPr>
        <xdr:cNvPr id="522" name="災害復旧事業費最大値テキスト"/>
        <xdr:cNvSpPr txBox="1"/>
      </xdr:nvSpPr>
      <xdr:spPr>
        <a:xfrm>
          <a:off x="16370300" y="5100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839</xdr:rowOff>
    </xdr:from>
    <xdr:to>
      <xdr:col>86</xdr:col>
      <xdr:colOff>25400</xdr:colOff>
      <xdr:row>31</xdr:row>
      <xdr:rowOff>9839</xdr:rowOff>
    </xdr:to>
    <xdr:cxnSp macro="">
      <xdr:nvCxnSpPr>
        <xdr:cNvPr id="523" name="直線コネクタ 522"/>
        <xdr:cNvCxnSpPr/>
      </xdr:nvCxnSpPr>
      <xdr:spPr>
        <a:xfrm>
          <a:off x="16230600" y="5324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4" name="直線コネクタ 523"/>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2446</xdr:rowOff>
    </xdr:from>
    <xdr:ext cx="469744" cy="259045"/>
    <xdr:sp macro="" textlink="">
      <xdr:nvSpPr>
        <xdr:cNvPr id="525" name="災害復旧事業費平均値テキスト"/>
        <xdr:cNvSpPr txBox="1"/>
      </xdr:nvSpPr>
      <xdr:spPr>
        <a:xfrm>
          <a:off x="16370300" y="6557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9569</xdr:rowOff>
    </xdr:from>
    <xdr:to>
      <xdr:col>85</xdr:col>
      <xdr:colOff>177800</xdr:colOff>
      <xdr:row>39</xdr:row>
      <xdr:rowOff>121169</xdr:rowOff>
    </xdr:to>
    <xdr:sp macro="" textlink="">
      <xdr:nvSpPr>
        <xdr:cNvPr id="526" name="フローチャート: 判断 525"/>
        <xdr:cNvSpPr/>
      </xdr:nvSpPr>
      <xdr:spPr>
        <a:xfrm>
          <a:off x="16268700" y="67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7" name="直線コネクタ 526"/>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11895</xdr:rowOff>
    </xdr:from>
    <xdr:to>
      <xdr:col>81</xdr:col>
      <xdr:colOff>101600</xdr:colOff>
      <xdr:row>39</xdr:row>
      <xdr:rowOff>113495</xdr:rowOff>
    </xdr:to>
    <xdr:sp macro="" textlink="">
      <xdr:nvSpPr>
        <xdr:cNvPr id="528" name="フローチャート: 判断 527"/>
        <xdr:cNvSpPr/>
      </xdr:nvSpPr>
      <xdr:spPr>
        <a:xfrm>
          <a:off x="15430500" y="669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30022</xdr:rowOff>
    </xdr:from>
    <xdr:ext cx="469744" cy="259045"/>
    <xdr:sp macro="" textlink="">
      <xdr:nvSpPr>
        <xdr:cNvPr id="529" name="テキスト ボックス 528"/>
        <xdr:cNvSpPr txBox="1"/>
      </xdr:nvSpPr>
      <xdr:spPr>
        <a:xfrm>
          <a:off x="15246428" y="6473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0" name="直線コネクタ 529"/>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1071</xdr:rowOff>
    </xdr:from>
    <xdr:to>
      <xdr:col>76</xdr:col>
      <xdr:colOff>165100</xdr:colOff>
      <xdr:row>39</xdr:row>
      <xdr:rowOff>122671</xdr:rowOff>
    </xdr:to>
    <xdr:sp macro="" textlink="">
      <xdr:nvSpPr>
        <xdr:cNvPr id="531" name="フローチャート: 判断 530"/>
        <xdr:cNvSpPr/>
      </xdr:nvSpPr>
      <xdr:spPr>
        <a:xfrm>
          <a:off x="14541500" y="6707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39198</xdr:rowOff>
    </xdr:from>
    <xdr:ext cx="469744" cy="259045"/>
    <xdr:sp macro="" textlink="">
      <xdr:nvSpPr>
        <xdr:cNvPr id="532" name="テキスト ボックス 531"/>
        <xdr:cNvSpPr txBox="1"/>
      </xdr:nvSpPr>
      <xdr:spPr>
        <a:xfrm>
          <a:off x="14357428" y="6482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3" name="直線コネクタ 532"/>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5013</xdr:rowOff>
    </xdr:from>
    <xdr:to>
      <xdr:col>72</xdr:col>
      <xdr:colOff>38100</xdr:colOff>
      <xdr:row>39</xdr:row>
      <xdr:rowOff>116613</xdr:rowOff>
    </xdr:to>
    <xdr:sp macro="" textlink="">
      <xdr:nvSpPr>
        <xdr:cNvPr id="534" name="フローチャート: 判断 533"/>
        <xdr:cNvSpPr/>
      </xdr:nvSpPr>
      <xdr:spPr>
        <a:xfrm>
          <a:off x="13652500" y="6701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33140</xdr:rowOff>
    </xdr:from>
    <xdr:ext cx="469744" cy="259045"/>
    <xdr:sp macro="" textlink="">
      <xdr:nvSpPr>
        <xdr:cNvPr id="535" name="テキスト ボックス 534"/>
        <xdr:cNvSpPr txBox="1"/>
      </xdr:nvSpPr>
      <xdr:spPr>
        <a:xfrm>
          <a:off x="13468428" y="647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3684</xdr:rowOff>
    </xdr:from>
    <xdr:to>
      <xdr:col>67</xdr:col>
      <xdr:colOff>101600</xdr:colOff>
      <xdr:row>39</xdr:row>
      <xdr:rowOff>125284</xdr:rowOff>
    </xdr:to>
    <xdr:sp macro="" textlink="">
      <xdr:nvSpPr>
        <xdr:cNvPr id="536" name="フローチャート: 判断 535"/>
        <xdr:cNvSpPr/>
      </xdr:nvSpPr>
      <xdr:spPr>
        <a:xfrm>
          <a:off x="12763500" y="671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41811</xdr:rowOff>
    </xdr:from>
    <xdr:ext cx="469744" cy="259045"/>
    <xdr:sp macro="" textlink="">
      <xdr:nvSpPr>
        <xdr:cNvPr id="537" name="テキスト ボックス 536"/>
        <xdr:cNvSpPr txBox="1"/>
      </xdr:nvSpPr>
      <xdr:spPr>
        <a:xfrm>
          <a:off x="12579428" y="6485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3" name="楕円 542"/>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69445</xdr:rowOff>
    </xdr:from>
    <xdr:ext cx="249299" cy="259045"/>
    <xdr:sp macro="" textlink="">
      <xdr:nvSpPr>
        <xdr:cNvPr id="544" name="災害復旧事業費該当値テキスト"/>
        <xdr:cNvSpPr txBox="1"/>
      </xdr:nvSpPr>
      <xdr:spPr>
        <a:xfrm>
          <a:off x="16370300" y="6684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5" name="楕円 544"/>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6" name="テキスト ボックス 545"/>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7" name="楕円 546"/>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8" name="テキスト ボックス 547"/>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9" name="楕円 548"/>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0" name="テキスト ボックス 549"/>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1" name="楕円 550"/>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2" name="テキスト ボックス 551"/>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4" name="テキスト ボックス 563"/>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6" name="テキスト ボックス 565"/>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8" name="直線コネクタ 567"/>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9"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1"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3" name="直線コネクタ 572"/>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4"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5" name="フローチャート: 判断 574"/>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6" name="直線コネクタ 575"/>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7" name="フローチャート: 判断 576"/>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8" name="テキスト ボックス 577"/>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9" name="直線コネクタ 578"/>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0" name="フローチャート: 判断 579"/>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1" name="テキスト ボックス 580"/>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2" name="直線コネクタ 581"/>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3" name="フローチャート: 判断 582"/>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4" name="テキスト ボックス 583"/>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フローチャート: 判断 584"/>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6" name="テキスト ボックス 585"/>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2" name="楕円 591"/>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3"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4" name="楕円 593"/>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5" name="テキスト ボックス 594"/>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6" name="楕円 595"/>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7" name="テキスト ボックス 596"/>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8" name="楕円 597"/>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9" name="テキスト ボックス 598"/>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0" name="楕円 599"/>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1" name="テキスト ボックス 600"/>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2" name="直線コネクタ 611"/>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3" name="テキスト ボックス 612"/>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4" name="直線コネクタ 613"/>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5" name="テキスト ボックス 614"/>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6" name="直線コネクタ 615"/>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7" name="テキスト ボックス 616"/>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8" name="直線コネクタ 617"/>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9" name="テキスト ボックス 618"/>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0" name="直線コネクタ 619"/>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1" name="テキスト ボックス 620"/>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2" name="直線コネクタ 621"/>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3" name="テキスト ボックス 622"/>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09165</xdr:rowOff>
    </xdr:from>
    <xdr:to>
      <xdr:col>85</xdr:col>
      <xdr:colOff>126364</xdr:colOff>
      <xdr:row>78</xdr:row>
      <xdr:rowOff>133038</xdr:rowOff>
    </xdr:to>
    <xdr:cxnSp macro="">
      <xdr:nvCxnSpPr>
        <xdr:cNvPr id="627" name="直線コネクタ 626"/>
        <xdr:cNvCxnSpPr/>
      </xdr:nvCxnSpPr>
      <xdr:spPr>
        <a:xfrm flipV="1">
          <a:off x="16317595" y="11939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6865</xdr:rowOff>
    </xdr:from>
    <xdr:ext cx="469744" cy="259045"/>
    <xdr:sp macro="" textlink="">
      <xdr:nvSpPr>
        <xdr:cNvPr id="628" name="公債費最小値テキスト"/>
        <xdr:cNvSpPr txBox="1"/>
      </xdr:nvSpPr>
      <xdr:spPr>
        <a:xfrm>
          <a:off x="16370300" y="13509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3038</xdr:rowOff>
    </xdr:from>
    <xdr:to>
      <xdr:col>86</xdr:col>
      <xdr:colOff>25400</xdr:colOff>
      <xdr:row>78</xdr:row>
      <xdr:rowOff>133038</xdr:rowOff>
    </xdr:to>
    <xdr:cxnSp macro="">
      <xdr:nvCxnSpPr>
        <xdr:cNvPr id="629" name="直線コネクタ 628"/>
        <xdr:cNvCxnSpPr/>
      </xdr:nvCxnSpPr>
      <xdr:spPr>
        <a:xfrm>
          <a:off x="16230600" y="13506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55842</xdr:rowOff>
    </xdr:from>
    <xdr:ext cx="599010" cy="259045"/>
    <xdr:sp macro="" textlink="">
      <xdr:nvSpPr>
        <xdr:cNvPr id="630" name="公債費最大値テキスト"/>
        <xdr:cNvSpPr txBox="1"/>
      </xdr:nvSpPr>
      <xdr:spPr>
        <a:xfrm>
          <a:off x="16370300" y="11714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09165</xdr:rowOff>
    </xdr:from>
    <xdr:to>
      <xdr:col>86</xdr:col>
      <xdr:colOff>25400</xdr:colOff>
      <xdr:row>69</xdr:row>
      <xdr:rowOff>109165</xdr:rowOff>
    </xdr:to>
    <xdr:cxnSp macro="">
      <xdr:nvCxnSpPr>
        <xdr:cNvPr id="631" name="直線コネクタ 630"/>
        <xdr:cNvCxnSpPr/>
      </xdr:nvCxnSpPr>
      <xdr:spPr>
        <a:xfrm>
          <a:off x="16230600" y="11939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5546</xdr:rowOff>
    </xdr:from>
    <xdr:to>
      <xdr:col>85</xdr:col>
      <xdr:colOff>127000</xdr:colOff>
      <xdr:row>77</xdr:row>
      <xdr:rowOff>81390</xdr:rowOff>
    </xdr:to>
    <xdr:cxnSp macro="">
      <xdr:nvCxnSpPr>
        <xdr:cNvPr id="632" name="直線コネクタ 631"/>
        <xdr:cNvCxnSpPr/>
      </xdr:nvCxnSpPr>
      <xdr:spPr>
        <a:xfrm>
          <a:off x="15481300" y="13277196"/>
          <a:ext cx="838200" cy="5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38021</xdr:rowOff>
    </xdr:from>
    <xdr:ext cx="534377" cy="259045"/>
    <xdr:sp macro="" textlink="">
      <xdr:nvSpPr>
        <xdr:cNvPr id="633" name="公債費平均値テキスト"/>
        <xdr:cNvSpPr txBox="1"/>
      </xdr:nvSpPr>
      <xdr:spPr>
        <a:xfrm>
          <a:off x="16370300" y="128967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143</xdr:rowOff>
    </xdr:from>
    <xdr:to>
      <xdr:col>85</xdr:col>
      <xdr:colOff>177800</xdr:colOff>
      <xdr:row>76</xdr:row>
      <xdr:rowOff>116743</xdr:rowOff>
    </xdr:to>
    <xdr:sp macro="" textlink="">
      <xdr:nvSpPr>
        <xdr:cNvPr id="634" name="フローチャート: 判断 633"/>
        <xdr:cNvSpPr/>
      </xdr:nvSpPr>
      <xdr:spPr>
        <a:xfrm>
          <a:off x="16268700" y="13045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75546</xdr:rowOff>
    </xdr:from>
    <xdr:to>
      <xdr:col>81</xdr:col>
      <xdr:colOff>50800</xdr:colOff>
      <xdr:row>77</xdr:row>
      <xdr:rowOff>97295</xdr:rowOff>
    </xdr:to>
    <xdr:cxnSp macro="">
      <xdr:nvCxnSpPr>
        <xdr:cNvPr id="635" name="直線コネクタ 634"/>
        <xdr:cNvCxnSpPr/>
      </xdr:nvCxnSpPr>
      <xdr:spPr>
        <a:xfrm flipV="1">
          <a:off x="14592300" y="13277196"/>
          <a:ext cx="889000" cy="21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31390</xdr:rowOff>
    </xdr:from>
    <xdr:to>
      <xdr:col>81</xdr:col>
      <xdr:colOff>101600</xdr:colOff>
      <xdr:row>76</xdr:row>
      <xdr:rowOff>132990</xdr:rowOff>
    </xdr:to>
    <xdr:sp macro="" textlink="">
      <xdr:nvSpPr>
        <xdr:cNvPr id="636" name="フローチャート: 判断 635"/>
        <xdr:cNvSpPr/>
      </xdr:nvSpPr>
      <xdr:spPr>
        <a:xfrm>
          <a:off x="154305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49518</xdr:rowOff>
    </xdr:from>
    <xdr:ext cx="534377" cy="259045"/>
    <xdr:sp macro="" textlink="">
      <xdr:nvSpPr>
        <xdr:cNvPr id="637" name="テキスト ボックス 636"/>
        <xdr:cNvSpPr txBox="1"/>
      </xdr:nvSpPr>
      <xdr:spPr>
        <a:xfrm>
          <a:off x="15214111" y="12836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97295</xdr:rowOff>
    </xdr:from>
    <xdr:to>
      <xdr:col>76</xdr:col>
      <xdr:colOff>114300</xdr:colOff>
      <xdr:row>77</xdr:row>
      <xdr:rowOff>113167</xdr:rowOff>
    </xdr:to>
    <xdr:cxnSp macro="">
      <xdr:nvCxnSpPr>
        <xdr:cNvPr id="638" name="直線コネクタ 637"/>
        <xdr:cNvCxnSpPr/>
      </xdr:nvCxnSpPr>
      <xdr:spPr>
        <a:xfrm flipV="1">
          <a:off x="13703300" y="13298945"/>
          <a:ext cx="889000" cy="15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2699</xdr:rowOff>
    </xdr:from>
    <xdr:to>
      <xdr:col>76</xdr:col>
      <xdr:colOff>165100</xdr:colOff>
      <xdr:row>76</xdr:row>
      <xdr:rowOff>154299</xdr:rowOff>
    </xdr:to>
    <xdr:sp macro="" textlink="">
      <xdr:nvSpPr>
        <xdr:cNvPr id="639" name="フローチャート: 判断 638"/>
        <xdr:cNvSpPr/>
      </xdr:nvSpPr>
      <xdr:spPr>
        <a:xfrm>
          <a:off x="14541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70827</xdr:rowOff>
    </xdr:from>
    <xdr:ext cx="534377" cy="259045"/>
    <xdr:sp macro="" textlink="">
      <xdr:nvSpPr>
        <xdr:cNvPr id="640" name="テキスト ボックス 639"/>
        <xdr:cNvSpPr txBox="1"/>
      </xdr:nvSpPr>
      <xdr:spPr>
        <a:xfrm>
          <a:off x="14325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58874</xdr:rowOff>
    </xdr:from>
    <xdr:to>
      <xdr:col>71</xdr:col>
      <xdr:colOff>177800</xdr:colOff>
      <xdr:row>77</xdr:row>
      <xdr:rowOff>113167</xdr:rowOff>
    </xdr:to>
    <xdr:cxnSp macro="">
      <xdr:nvCxnSpPr>
        <xdr:cNvPr id="641" name="直線コネクタ 640"/>
        <xdr:cNvCxnSpPr/>
      </xdr:nvCxnSpPr>
      <xdr:spPr>
        <a:xfrm>
          <a:off x="12814300" y="13260524"/>
          <a:ext cx="8890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5303</xdr:rowOff>
    </xdr:from>
    <xdr:to>
      <xdr:col>72</xdr:col>
      <xdr:colOff>38100</xdr:colOff>
      <xdr:row>76</xdr:row>
      <xdr:rowOff>146903</xdr:rowOff>
    </xdr:to>
    <xdr:sp macro="" textlink="">
      <xdr:nvSpPr>
        <xdr:cNvPr id="642" name="フローチャート: 判断 641"/>
        <xdr:cNvSpPr/>
      </xdr:nvSpPr>
      <xdr:spPr>
        <a:xfrm>
          <a:off x="13652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63430</xdr:rowOff>
    </xdr:from>
    <xdr:ext cx="534377" cy="259045"/>
    <xdr:sp macro="" textlink="">
      <xdr:nvSpPr>
        <xdr:cNvPr id="643" name="テキスト ボックス 642"/>
        <xdr:cNvSpPr txBox="1"/>
      </xdr:nvSpPr>
      <xdr:spPr>
        <a:xfrm>
          <a:off x="13436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37776</xdr:rowOff>
    </xdr:from>
    <xdr:to>
      <xdr:col>67</xdr:col>
      <xdr:colOff>101600</xdr:colOff>
      <xdr:row>76</xdr:row>
      <xdr:rowOff>139376</xdr:rowOff>
    </xdr:to>
    <xdr:sp macro="" textlink="">
      <xdr:nvSpPr>
        <xdr:cNvPr id="644" name="フローチャート: 判断 643"/>
        <xdr:cNvSpPr/>
      </xdr:nvSpPr>
      <xdr:spPr>
        <a:xfrm>
          <a:off x="12763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5902</xdr:rowOff>
    </xdr:from>
    <xdr:ext cx="534377" cy="259045"/>
    <xdr:sp macro="" textlink="">
      <xdr:nvSpPr>
        <xdr:cNvPr id="645" name="テキスト ボックス 644"/>
        <xdr:cNvSpPr txBox="1"/>
      </xdr:nvSpPr>
      <xdr:spPr>
        <a:xfrm>
          <a:off x="12547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0590</xdr:rowOff>
    </xdr:from>
    <xdr:to>
      <xdr:col>85</xdr:col>
      <xdr:colOff>177800</xdr:colOff>
      <xdr:row>77</xdr:row>
      <xdr:rowOff>132190</xdr:rowOff>
    </xdr:to>
    <xdr:sp macro="" textlink="">
      <xdr:nvSpPr>
        <xdr:cNvPr id="651" name="楕円 650"/>
        <xdr:cNvSpPr/>
      </xdr:nvSpPr>
      <xdr:spPr>
        <a:xfrm>
          <a:off x="16268700" y="13232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017</xdr:rowOff>
    </xdr:from>
    <xdr:ext cx="534377" cy="259045"/>
    <xdr:sp macro="" textlink="">
      <xdr:nvSpPr>
        <xdr:cNvPr id="652" name="公債費該当値テキスト"/>
        <xdr:cNvSpPr txBox="1"/>
      </xdr:nvSpPr>
      <xdr:spPr>
        <a:xfrm>
          <a:off x="16370300" y="13210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4746</xdr:rowOff>
    </xdr:from>
    <xdr:to>
      <xdr:col>81</xdr:col>
      <xdr:colOff>101600</xdr:colOff>
      <xdr:row>77</xdr:row>
      <xdr:rowOff>126346</xdr:rowOff>
    </xdr:to>
    <xdr:sp macro="" textlink="">
      <xdr:nvSpPr>
        <xdr:cNvPr id="653" name="楕円 652"/>
        <xdr:cNvSpPr/>
      </xdr:nvSpPr>
      <xdr:spPr>
        <a:xfrm>
          <a:off x="15430500" y="13226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17473</xdr:rowOff>
    </xdr:from>
    <xdr:ext cx="534377" cy="259045"/>
    <xdr:sp macro="" textlink="">
      <xdr:nvSpPr>
        <xdr:cNvPr id="654" name="テキスト ボックス 653"/>
        <xdr:cNvSpPr txBox="1"/>
      </xdr:nvSpPr>
      <xdr:spPr>
        <a:xfrm>
          <a:off x="15214111" y="13319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46495</xdr:rowOff>
    </xdr:from>
    <xdr:to>
      <xdr:col>76</xdr:col>
      <xdr:colOff>165100</xdr:colOff>
      <xdr:row>77</xdr:row>
      <xdr:rowOff>148095</xdr:rowOff>
    </xdr:to>
    <xdr:sp macro="" textlink="">
      <xdr:nvSpPr>
        <xdr:cNvPr id="655" name="楕円 654"/>
        <xdr:cNvSpPr/>
      </xdr:nvSpPr>
      <xdr:spPr>
        <a:xfrm>
          <a:off x="14541500" y="1324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39222</xdr:rowOff>
    </xdr:from>
    <xdr:ext cx="534377" cy="259045"/>
    <xdr:sp macro="" textlink="">
      <xdr:nvSpPr>
        <xdr:cNvPr id="656" name="テキスト ボックス 655"/>
        <xdr:cNvSpPr txBox="1"/>
      </xdr:nvSpPr>
      <xdr:spPr>
        <a:xfrm>
          <a:off x="14325111" y="13340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62367</xdr:rowOff>
    </xdr:from>
    <xdr:to>
      <xdr:col>72</xdr:col>
      <xdr:colOff>38100</xdr:colOff>
      <xdr:row>77</xdr:row>
      <xdr:rowOff>163967</xdr:rowOff>
    </xdr:to>
    <xdr:sp macro="" textlink="">
      <xdr:nvSpPr>
        <xdr:cNvPr id="657" name="楕円 656"/>
        <xdr:cNvSpPr/>
      </xdr:nvSpPr>
      <xdr:spPr>
        <a:xfrm>
          <a:off x="13652500" y="13264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5094</xdr:rowOff>
    </xdr:from>
    <xdr:ext cx="534377" cy="259045"/>
    <xdr:sp macro="" textlink="">
      <xdr:nvSpPr>
        <xdr:cNvPr id="658" name="テキスト ボックス 657"/>
        <xdr:cNvSpPr txBox="1"/>
      </xdr:nvSpPr>
      <xdr:spPr>
        <a:xfrm>
          <a:off x="13436111" y="13356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8074</xdr:rowOff>
    </xdr:from>
    <xdr:to>
      <xdr:col>67</xdr:col>
      <xdr:colOff>101600</xdr:colOff>
      <xdr:row>77</xdr:row>
      <xdr:rowOff>109674</xdr:rowOff>
    </xdr:to>
    <xdr:sp macro="" textlink="">
      <xdr:nvSpPr>
        <xdr:cNvPr id="659" name="楕円 658"/>
        <xdr:cNvSpPr/>
      </xdr:nvSpPr>
      <xdr:spPr>
        <a:xfrm>
          <a:off x="12763500" y="13209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00801</xdr:rowOff>
    </xdr:from>
    <xdr:ext cx="534377" cy="259045"/>
    <xdr:sp macro="" textlink="">
      <xdr:nvSpPr>
        <xdr:cNvPr id="660" name="テキスト ボックス 659"/>
        <xdr:cNvSpPr txBox="1"/>
      </xdr:nvSpPr>
      <xdr:spPr>
        <a:xfrm>
          <a:off x="12547111" y="13302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1" name="直線コネクタ 670"/>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2" name="テキスト ボックス 671"/>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3" name="直線コネクタ 672"/>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4" name="テキスト ボックス 673"/>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5" name="直線コネクタ 674"/>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6" name="テキスト ボックス 675"/>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7" name="直線コネクタ 676"/>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8" name="テキスト ボックス 677"/>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0" name="テキスト ボックス 67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9939</xdr:rowOff>
    </xdr:from>
    <xdr:to>
      <xdr:col>85</xdr:col>
      <xdr:colOff>126364</xdr:colOff>
      <xdr:row>98</xdr:row>
      <xdr:rowOff>139184</xdr:rowOff>
    </xdr:to>
    <xdr:cxnSp macro="">
      <xdr:nvCxnSpPr>
        <xdr:cNvPr id="682" name="直線コネクタ 681"/>
        <xdr:cNvCxnSpPr/>
      </xdr:nvCxnSpPr>
      <xdr:spPr>
        <a:xfrm flipV="1">
          <a:off x="16317595" y="15681889"/>
          <a:ext cx="1269" cy="1259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011</xdr:rowOff>
    </xdr:from>
    <xdr:ext cx="378565" cy="259045"/>
    <xdr:sp macro="" textlink="">
      <xdr:nvSpPr>
        <xdr:cNvPr id="683" name="積立金最小値テキスト"/>
        <xdr:cNvSpPr txBox="1"/>
      </xdr:nvSpPr>
      <xdr:spPr>
        <a:xfrm>
          <a:off x="16370300" y="169451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184</xdr:rowOff>
    </xdr:from>
    <xdr:to>
      <xdr:col>86</xdr:col>
      <xdr:colOff>25400</xdr:colOff>
      <xdr:row>98</xdr:row>
      <xdr:rowOff>139184</xdr:rowOff>
    </xdr:to>
    <xdr:cxnSp macro="">
      <xdr:nvCxnSpPr>
        <xdr:cNvPr id="684" name="直線コネクタ 683"/>
        <xdr:cNvCxnSpPr/>
      </xdr:nvCxnSpPr>
      <xdr:spPr>
        <a:xfrm>
          <a:off x="16230600" y="16941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6616</xdr:rowOff>
    </xdr:from>
    <xdr:ext cx="599010" cy="259045"/>
    <xdr:sp macro="" textlink="">
      <xdr:nvSpPr>
        <xdr:cNvPr id="685" name="積立金最大値テキスト"/>
        <xdr:cNvSpPr txBox="1"/>
      </xdr:nvSpPr>
      <xdr:spPr>
        <a:xfrm>
          <a:off x="16370300" y="15457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79939</xdr:rowOff>
    </xdr:from>
    <xdr:to>
      <xdr:col>86</xdr:col>
      <xdr:colOff>25400</xdr:colOff>
      <xdr:row>91</xdr:row>
      <xdr:rowOff>79939</xdr:rowOff>
    </xdr:to>
    <xdr:cxnSp macro="">
      <xdr:nvCxnSpPr>
        <xdr:cNvPr id="686" name="直線コネクタ 685"/>
        <xdr:cNvCxnSpPr/>
      </xdr:nvCxnSpPr>
      <xdr:spPr>
        <a:xfrm>
          <a:off x="16230600" y="15681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4811</xdr:rowOff>
    </xdr:from>
    <xdr:to>
      <xdr:col>85</xdr:col>
      <xdr:colOff>127000</xdr:colOff>
      <xdr:row>98</xdr:row>
      <xdr:rowOff>65030</xdr:rowOff>
    </xdr:to>
    <xdr:cxnSp macro="">
      <xdr:nvCxnSpPr>
        <xdr:cNvPr id="687" name="直線コネクタ 686"/>
        <xdr:cNvCxnSpPr/>
      </xdr:nvCxnSpPr>
      <xdr:spPr>
        <a:xfrm flipV="1">
          <a:off x="15481300" y="16785461"/>
          <a:ext cx="838200" cy="81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28894</xdr:rowOff>
    </xdr:from>
    <xdr:ext cx="534377" cy="259045"/>
    <xdr:sp macro="" textlink="">
      <xdr:nvSpPr>
        <xdr:cNvPr id="688" name="積立金平均値テキスト"/>
        <xdr:cNvSpPr txBox="1"/>
      </xdr:nvSpPr>
      <xdr:spPr>
        <a:xfrm>
          <a:off x="16370300" y="167595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0467</xdr:rowOff>
    </xdr:from>
    <xdr:to>
      <xdr:col>85</xdr:col>
      <xdr:colOff>177800</xdr:colOff>
      <xdr:row>98</xdr:row>
      <xdr:rowOff>80617</xdr:rowOff>
    </xdr:to>
    <xdr:sp macro="" textlink="">
      <xdr:nvSpPr>
        <xdr:cNvPr id="689" name="フローチャート: 判断 688"/>
        <xdr:cNvSpPr/>
      </xdr:nvSpPr>
      <xdr:spPr>
        <a:xfrm>
          <a:off x="16268700" y="16781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65030</xdr:rowOff>
    </xdr:from>
    <xdr:to>
      <xdr:col>81</xdr:col>
      <xdr:colOff>50800</xdr:colOff>
      <xdr:row>98</xdr:row>
      <xdr:rowOff>68075</xdr:rowOff>
    </xdr:to>
    <xdr:cxnSp macro="">
      <xdr:nvCxnSpPr>
        <xdr:cNvPr id="690" name="直線コネクタ 689"/>
        <xdr:cNvCxnSpPr/>
      </xdr:nvCxnSpPr>
      <xdr:spPr>
        <a:xfrm flipV="1">
          <a:off x="14592300" y="16867130"/>
          <a:ext cx="889000" cy="3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6554</xdr:rowOff>
    </xdr:from>
    <xdr:to>
      <xdr:col>81</xdr:col>
      <xdr:colOff>101600</xdr:colOff>
      <xdr:row>98</xdr:row>
      <xdr:rowOff>66704</xdr:rowOff>
    </xdr:to>
    <xdr:sp macro="" textlink="">
      <xdr:nvSpPr>
        <xdr:cNvPr id="691" name="フローチャート: 判断 690"/>
        <xdr:cNvSpPr/>
      </xdr:nvSpPr>
      <xdr:spPr>
        <a:xfrm>
          <a:off x="15430500" y="16767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83231</xdr:rowOff>
    </xdr:from>
    <xdr:ext cx="534377" cy="259045"/>
    <xdr:sp macro="" textlink="">
      <xdr:nvSpPr>
        <xdr:cNvPr id="692" name="テキスト ボックス 691"/>
        <xdr:cNvSpPr txBox="1"/>
      </xdr:nvSpPr>
      <xdr:spPr>
        <a:xfrm>
          <a:off x="15214111" y="16542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66260</xdr:rowOff>
    </xdr:from>
    <xdr:to>
      <xdr:col>76</xdr:col>
      <xdr:colOff>114300</xdr:colOff>
      <xdr:row>98</xdr:row>
      <xdr:rowOff>68075</xdr:rowOff>
    </xdr:to>
    <xdr:cxnSp macro="">
      <xdr:nvCxnSpPr>
        <xdr:cNvPr id="693" name="直線コネクタ 692"/>
        <xdr:cNvCxnSpPr/>
      </xdr:nvCxnSpPr>
      <xdr:spPr>
        <a:xfrm>
          <a:off x="13703300" y="16868360"/>
          <a:ext cx="889000" cy="1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2264</xdr:rowOff>
    </xdr:from>
    <xdr:to>
      <xdr:col>76</xdr:col>
      <xdr:colOff>165100</xdr:colOff>
      <xdr:row>98</xdr:row>
      <xdr:rowOff>113864</xdr:rowOff>
    </xdr:to>
    <xdr:sp macro="" textlink="">
      <xdr:nvSpPr>
        <xdr:cNvPr id="694" name="フローチャート: 判断 693"/>
        <xdr:cNvSpPr/>
      </xdr:nvSpPr>
      <xdr:spPr>
        <a:xfrm>
          <a:off x="14541500" y="1681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0391</xdr:rowOff>
    </xdr:from>
    <xdr:ext cx="534377" cy="259045"/>
    <xdr:sp macro="" textlink="">
      <xdr:nvSpPr>
        <xdr:cNvPr id="695" name="テキスト ボックス 694"/>
        <xdr:cNvSpPr txBox="1"/>
      </xdr:nvSpPr>
      <xdr:spPr>
        <a:xfrm>
          <a:off x="14325111" y="16589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53710</xdr:rowOff>
    </xdr:from>
    <xdr:to>
      <xdr:col>71</xdr:col>
      <xdr:colOff>177800</xdr:colOff>
      <xdr:row>98</xdr:row>
      <xdr:rowOff>66260</xdr:rowOff>
    </xdr:to>
    <xdr:cxnSp macro="">
      <xdr:nvCxnSpPr>
        <xdr:cNvPr id="696" name="直線コネクタ 695"/>
        <xdr:cNvCxnSpPr/>
      </xdr:nvCxnSpPr>
      <xdr:spPr>
        <a:xfrm>
          <a:off x="12814300" y="16855810"/>
          <a:ext cx="889000" cy="12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2175</xdr:rowOff>
    </xdr:from>
    <xdr:to>
      <xdr:col>72</xdr:col>
      <xdr:colOff>38100</xdr:colOff>
      <xdr:row>98</xdr:row>
      <xdr:rowOff>133775</xdr:rowOff>
    </xdr:to>
    <xdr:sp macro="" textlink="">
      <xdr:nvSpPr>
        <xdr:cNvPr id="697" name="フローチャート: 判断 696"/>
        <xdr:cNvSpPr/>
      </xdr:nvSpPr>
      <xdr:spPr>
        <a:xfrm>
          <a:off x="13652500" y="1683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24902</xdr:rowOff>
    </xdr:from>
    <xdr:ext cx="534377" cy="259045"/>
    <xdr:sp macro="" textlink="">
      <xdr:nvSpPr>
        <xdr:cNvPr id="698" name="テキスト ボックス 697"/>
        <xdr:cNvSpPr txBox="1"/>
      </xdr:nvSpPr>
      <xdr:spPr>
        <a:xfrm>
          <a:off x="13436111" y="16927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6999</xdr:rowOff>
    </xdr:from>
    <xdr:to>
      <xdr:col>67</xdr:col>
      <xdr:colOff>101600</xdr:colOff>
      <xdr:row>98</xdr:row>
      <xdr:rowOff>97149</xdr:rowOff>
    </xdr:to>
    <xdr:sp macro="" textlink="">
      <xdr:nvSpPr>
        <xdr:cNvPr id="699" name="フローチャート: 判断 698"/>
        <xdr:cNvSpPr/>
      </xdr:nvSpPr>
      <xdr:spPr>
        <a:xfrm>
          <a:off x="12763500" y="16797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3676</xdr:rowOff>
    </xdr:from>
    <xdr:ext cx="534377" cy="259045"/>
    <xdr:sp macro="" textlink="">
      <xdr:nvSpPr>
        <xdr:cNvPr id="700" name="テキスト ボックス 699"/>
        <xdr:cNvSpPr txBox="1"/>
      </xdr:nvSpPr>
      <xdr:spPr>
        <a:xfrm>
          <a:off x="12547111" y="16572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4011</xdr:rowOff>
    </xdr:from>
    <xdr:to>
      <xdr:col>85</xdr:col>
      <xdr:colOff>177800</xdr:colOff>
      <xdr:row>98</xdr:row>
      <xdr:rowOff>34161</xdr:rowOff>
    </xdr:to>
    <xdr:sp macro="" textlink="">
      <xdr:nvSpPr>
        <xdr:cNvPr id="706" name="楕円 705"/>
        <xdr:cNvSpPr/>
      </xdr:nvSpPr>
      <xdr:spPr>
        <a:xfrm>
          <a:off x="16268700" y="16734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26888</xdr:rowOff>
    </xdr:from>
    <xdr:ext cx="534377" cy="259045"/>
    <xdr:sp macro="" textlink="">
      <xdr:nvSpPr>
        <xdr:cNvPr id="707" name="積立金該当値テキスト"/>
        <xdr:cNvSpPr txBox="1"/>
      </xdr:nvSpPr>
      <xdr:spPr>
        <a:xfrm>
          <a:off x="16370300" y="16586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4230</xdr:rowOff>
    </xdr:from>
    <xdr:to>
      <xdr:col>81</xdr:col>
      <xdr:colOff>101600</xdr:colOff>
      <xdr:row>98</xdr:row>
      <xdr:rowOff>115830</xdr:rowOff>
    </xdr:to>
    <xdr:sp macro="" textlink="">
      <xdr:nvSpPr>
        <xdr:cNvPr id="708" name="楕円 707"/>
        <xdr:cNvSpPr/>
      </xdr:nvSpPr>
      <xdr:spPr>
        <a:xfrm>
          <a:off x="15430500" y="16816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06957</xdr:rowOff>
    </xdr:from>
    <xdr:ext cx="534377" cy="259045"/>
    <xdr:sp macro="" textlink="">
      <xdr:nvSpPr>
        <xdr:cNvPr id="709" name="テキスト ボックス 708"/>
        <xdr:cNvSpPr txBox="1"/>
      </xdr:nvSpPr>
      <xdr:spPr>
        <a:xfrm>
          <a:off x="15214111" y="16909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7275</xdr:rowOff>
    </xdr:from>
    <xdr:to>
      <xdr:col>76</xdr:col>
      <xdr:colOff>165100</xdr:colOff>
      <xdr:row>98</xdr:row>
      <xdr:rowOff>118875</xdr:rowOff>
    </xdr:to>
    <xdr:sp macro="" textlink="">
      <xdr:nvSpPr>
        <xdr:cNvPr id="710" name="楕円 709"/>
        <xdr:cNvSpPr/>
      </xdr:nvSpPr>
      <xdr:spPr>
        <a:xfrm>
          <a:off x="14541500" y="16819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0002</xdr:rowOff>
    </xdr:from>
    <xdr:ext cx="534377" cy="259045"/>
    <xdr:sp macro="" textlink="">
      <xdr:nvSpPr>
        <xdr:cNvPr id="711" name="テキスト ボックス 710"/>
        <xdr:cNvSpPr txBox="1"/>
      </xdr:nvSpPr>
      <xdr:spPr>
        <a:xfrm>
          <a:off x="14325111" y="16912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5460</xdr:rowOff>
    </xdr:from>
    <xdr:to>
      <xdr:col>72</xdr:col>
      <xdr:colOff>38100</xdr:colOff>
      <xdr:row>98</xdr:row>
      <xdr:rowOff>117060</xdr:rowOff>
    </xdr:to>
    <xdr:sp macro="" textlink="">
      <xdr:nvSpPr>
        <xdr:cNvPr id="712" name="楕円 711"/>
        <xdr:cNvSpPr/>
      </xdr:nvSpPr>
      <xdr:spPr>
        <a:xfrm>
          <a:off x="13652500" y="1681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33587</xdr:rowOff>
    </xdr:from>
    <xdr:ext cx="534377" cy="259045"/>
    <xdr:sp macro="" textlink="">
      <xdr:nvSpPr>
        <xdr:cNvPr id="713" name="テキスト ボックス 712"/>
        <xdr:cNvSpPr txBox="1"/>
      </xdr:nvSpPr>
      <xdr:spPr>
        <a:xfrm>
          <a:off x="13436111" y="16592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910</xdr:rowOff>
    </xdr:from>
    <xdr:to>
      <xdr:col>67</xdr:col>
      <xdr:colOff>101600</xdr:colOff>
      <xdr:row>98</xdr:row>
      <xdr:rowOff>104510</xdr:rowOff>
    </xdr:to>
    <xdr:sp macro="" textlink="">
      <xdr:nvSpPr>
        <xdr:cNvPr id="714" name="楕円 713"/>
        <xdr:cNvSpPr/>
      </xdr:nvSpPr>
      <xdr:spPr>
        <a:xfrm>
          <a:off x="12763500" y="16805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95637</xdr:rowOff>
    </xdr:from>
    <xdr:ext cx="534377" cy="259045"/>
    <xdr:sp macro="" textlink="">
      <xdr:nvSpPr>
        <xdr:cNvPr id="715" name="テキスト ボックス 714"/>
        <xdr:cNvSpPr txBox="1"/>
      </xdr:nvSpPr>
      <xdr:spPr>
        <a:xfrm>
          <a:off x="12547111" y="16897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6" name="直線コネクタ 725"/>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7" name="テキスト ボックス 726"/>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8" name="直線コネクタ 727"/>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9" name="テキスト ボックス 728"/>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0" name="直線コネクタ 729"/>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1" name="テキスト ボックス 730"/>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2" name="直線コネクタ 731"/>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3" name="テキスト ボックス 732"/>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4" name="直線コネクタ 733"/>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5" name="テキスト ボックス 734"/>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6"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10530</xdr:rowOff>
    </xdr:from>
    <xdr:to>
      <xdr:col>116</xdr:col>
      <xdr:colOff>62864</xdr:colOff>
      <xdr:row>38</xdr:row>
      <xdr:rowOff>139700</xdr:rowOff>
    </xdr:to>
    <xdr:cxnSp macro="">
      <xdr:nvCxnSpPr>
        <xdr:cNvPr id="737" name="直線コネクタ 736"/>
        <xdr:cNvCxnSpPr/>
      </xdr:nvCxnSpPr>
      <xdr:spPr>
        <a:xfrm flipV="1">
          <a:off x="22159595" y="5254030"/>
          <a:ext cx="1269" cy="1400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8"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9" name="直線コネクタ 738"/>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7207</xdr:rowOff>
    </xdr:from>
    <xdr:ext cx="534377" cy="259045"/>
    <xdr:sp macro="" textlink="">
      <xdr:nvSpPr>
        <xdr:cNvPr id="740" name="投資及び出資金最大値テキスト"/>
        <xdr:cNvSpPr txBox="1"/>
      </xdr:nvSpPr>
      <xdr:spPr>
        <a:xfrm>
          <a:off x="22212300" y="5029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10530</xdr:rowOff>
    </xdr:from>
    <xdr:to>
      <xdr:col>116</xdr:col>
      <xdr:colOff>152400</xdr:colOff>
      <xdr:row>30</xdr:row>
      <xdr:rowOff>110530</xdr:rowOff>
    </xdr:to>
    <xdr:cxnSp macro="">
      <xdr:nvCxnSpPr>
        <xdr:cNvPr id="741" name="直線コネクタ 740"/>
        <xdr:cNvCxnSpPr/>
      </xdr:nvCxnSpPr>
      <xdr:spPr>
        <a:xfrm>
          <a:off x="22072600" y="5254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2" name="直線コネクタ 741"/>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94861</xdr:rowOff>
    </xdr:from>
    <xdr:ext cx="469744" cy="259045"/>
    <xdr:sp macro="" textlink="">
      <xdr:nvSpPr>
        <xdr:cNvPr id="743" name="投資及び出資金平均値テキスト"/>
        <xdr:cNvSpPr txBox="1"/>
      </xdr:nvSpPr>
      <xdr:spPr>
        <a:xfrm>
          <a:off x="22212300" y="62670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1984</xdr:rowOff>
    </xdr:from>
    <xdr:to>
      <xdr:col>116</xdr:col>
      <xdr:colOff>114300</xdr:colOff>
      <xdr:row>38</xdr:row>
      <xdr:rowOff>2133</xdr:rowOff>
    </xdr:to>
    <xdr:sp macro="" textlink="">
      <xdr:nvSpPr>
        <xdr:cNvPr id="744" name="フローチャート: 判断 743"/>
        <xdr:cNvSpPr/>
      </xdr:nvSpPr>
      <xdr:spPr>
        <a:xfrm>
          <a:off x="22110700" y="641563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5" name="直線コネクタ 744"/>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3655</xdr:rowOff>
    </xdr:from>
    <xdr:to>
      <xdr:col>112</xdr:col>
      <xdr:colOff>38100</xdr:colOff>
      <xdr:row>38</xdr:row>
      <xdr:rowOff>23805</xdr:rowOff>
    </xdr:to>
    <xdr:sp macro="" textlink="">
      <xdr:nvSpPr>
        <xdr:cNvPr id="746" name="フローチャート: 判断 745"/>
        <xdr:cNvSpPr/>
      </xdr:nvSpPr>
      <xdr:spPr>
        <a:xfrm>
          <a:off x="21272500" y="6437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40332</xdr:rowOff>
    </xdr:from>
    <xdr:ext cx="469744" cy="259045"/>
    <xdr:sp macro="" textlink="">
      <xdr:nvSpPr>
        <xdr:cNvPr id="747" name="テキスト ボックス 746"/>
        <xdr:cNvSpPr txBox="1"/>
      </xdr:nvSpPr>
      <xdr:spPr>
        <a:xfrm>
          <a:off x="21088428" y="6212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8" name="直線コネクタ 747"/>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93838</xdr:rowOff>
    </xdr:from>
    <xdr:to>
      <xdr:col>107</xdr:col>
      <xdr:colOff>101600</xdr:colOff>
      <xdr:row>38</xdr:row>
      <xdr:rowOff>23988</xdr:rowOff>
    </xdr:to>
    <xdr:sp macro="" textlink="">
      <xdr:nvSpPr>
        <xdr:cNvPr id="749" name="フローチャート: 判断 748"/>
        <xdr:cNvSpPr/>
      </xdr:nvSpPr>
      <xdr:spPr>
        <a:xfrm>
          <a:off x="203835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0515</xdr:rowOff>
    </xdr:from>
    <xdr:ext cx="469744" cy="259045"/>
    <xdr:sp macro="" textlink="">
      <xdr:nvSpPr>
        <xdr:cNvPr id="750" name="テキスト ボックス 749"/>
        <xdr:cNvSpPr txBox="1"/>
      </xdr:nvSpPr>
      <xdr:spPr>
        <a:xfrm>
          <a:off x="20199428" y="6212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1" name="直線コネクタ 750"/>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21819</xdr:rowOff>
    </xdr:from>
    <xdr:to>
      <xdr:col>102</xdr:col>
      <xdr:colOff>165100</xdr:colOff>
      <xdr:row>38</xdr:row>
      <xdr:rowOff>51969</xdr:rowOff>
    </xdr:to>
    <xdr:sp macro="" textlink="">
      <xdr:nvSpPr>
        <xdr:cNvPr id="752" name="フローチャート: 判断 751"/>
        <xdr:cNvSpPr/>
      </xdr:nvSpPr>
      <xdr:spPr>
        <a:xfrm>
          <a:off x="19494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68496</xdr:rowOff>
    </xdr:from>
    <xdr:ext cx="469744" cy="259045"/>
    <xdr:sp macro="" textlink="">
      <xdr:nvSpPr>
        <xdr:cNvPr id="753" name="テキスト ボックス 752"/>
        <xdr:cNvSpPr txBox="1"/>
      </xdr:nvSpPr>
      <xdr:spPr>
        <a:xfrm>
          <a:off x="19310428" y="6240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55834</xdr:rowOff>
    </xdr:from>
    <xdr:to>
      <xdr:col>98</xdr:col>
      <xdr:colOff>38100</xdr:colOff>
      <xdr:row>38</xdr:row>
      <xdr:rowOff>85984</xdr:rowOff>
    </xdr:to>
    <xdr:sp macro="" textlink="">
      <xdr:nvSpPr>
        <xdr:cNvPr id="754" name="フローチャート: 判断 753"/>
        <xdr:cNvSpPr/>
      </xdr:nvSpPr>
      <xdr:spPr>
        <a:xfrm>
          <a:off x="18605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02511</xdr:rowOff>
    </xdr:from>
    <xdr:ext cx="469744" cy="259045"/>
    <xdr:sp macro="" textlink="">
      <xdr:nvSpPr>
        <xdr:cNvPr id="755" name="テキスト ボックス 754"/>
        <xdr:cNvSpPr txBox="1"/>
      </xdr:nvSpPr>
      <xdr:spPr>
        <a:xfrm>
          <a:off x="18421428" y="627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6" name="テキスト ボックス 755"/>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7" name="テキスト ボックス 756"/>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8" name="テキスト ボックス 757"/>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9" name="テキスト ボックス 758"/>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0" name="テキスト ボックス 759"/>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1" name="楕円 760"/>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2" name="投資及び出資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3" name="楕円 762"/>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4" name="テキスト ボックス 763"/>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5" name="楕円 764"/>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6" name="テキスト ボックス 765"/>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7" name="楕円 766"/>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8" name="テキスト ボックス 767"/>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9" name="楕円 768"/>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0" name="テキスト ボックス 769"/>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1" name="正方形/長方形 770"/>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2" name="正方形/長方形 771"/>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3" name="正方形/長方形 772"/>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4" name="正方形/長方形 773"/>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5" name="正方形/長方形 774"/>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6" name="正方形/長方形 775"/>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7" name="正方形/長方形 776"/>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8" name="正方形/長方形 777"/>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9" name="テキスト ボックス 778"/>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0" name="直線コネクタ 779"/>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1" name="直線コネクタ 780"/>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2" name="テキスト ボックス 781"/>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3" name="直線コネクタ 782"/>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4" name="テキスト ボックス 783"/>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6" name="テキスト ボックス 785"/>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7" name="直線コネクタ 786"/>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8" name="テキスト ボックス 787"/>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9" name="直線コネクタ 788"/>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0" name="テキスト ボックス 789"/>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40792</xdr:rowOff>
    </xdr:from>
    <xdr:to>
      <xdr:col>116</xdr:col>
      <xdr:colOff>62864</xdr:colOff>
      <xdr:row>59</xdr:row>
      <xdr:rowOff>44450</xdr:rowOff>
    </xdr:to>
    <xdr:cxnSp macro="">
      <xdr:nvCxnSpPr>
        <xdr:cNvPr id="794" name="直線コネクタ 793"/>
        <xdr:cNvCxnSpPr/>
      </xdr:nvCxnSpPr>
      <xdr:spPr>
        <a:xfrm flipV="1">
          <a:off x="22159595" y="8784742"/>
          <a:ext cx="1269" cy="1375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5"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6" name="直線コネクタ 795"/>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8919</xdr:rowOff>
    </xdr:from>
    <xdr:ext cx="534377" cy="259045"/>
    <xdr:sp macro="" textlink="">
      <xdr:nvSpPr>
        <xdr:cNvPr id="797" name="貸付金最大値テキスト"/>
        <xdr:cNvSpPr txBox="1"/>
      </xdr:nvSpPr>
      <xdr:spPr>
        <a:xfrm>
          <a:off x="22212300" y="8559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40792</xdr:rowOff>
    </xdr:from>
    <xdr:to>
      <xdr:col>116</xdr:col>
      <xdr:colOff>152400</xdr:colOff>
      <xdr:row>51</xdr:row>
      <xdr:rowOff>40792</xdr:rowOff>
    </xdr:to>
    <xdr:cxnSp macro="">
      <xdr:nvCxnSpPr>
        <xdr:cNvPr id="798" name="直線コネクタ 797"/>
        <xdr:cNvCxnSpPr/>
      </xdr:nvCxnSpPr>
      <xdr:spPr>
        <a:xfrm>
          <a:off x="22072600" y="87847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14935</xdr:rowOff>
    </xdr:from>
    <xdr:to>
      <xdr:col>116</xdr:col>
      <xdr:colOff>63500</xdr:colOff>
      <xdr:row>58</xdr:row>
      <xdr:rowOff>130480</xdr:rowOff>
    </xdr:to>
    <xdr:cxnSp macro="">
      <xdr:nvCxnSpPr>
        <xdr:cNvPr id="799" name="直線コネクタ 798"/>
        <xdr:cNvCxnSpPr/>
      </xdr:nvCxnSpPr>
      <xdr:spPr>
        <a:xfrm>
          <a:off x="21323300" y="10059035"/>
          <a:ext cx="838200" cy="15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69918</xdr:rowOff>
    </xdr:from>
    <xdr:ext cx="378565" cy="259045"/>
    <xdr:sp macro="" textlink="">
      <xdr:nvSpPr>
        <xdr:cNvPr id="800" name="貸付金平均値テキスト"/>
        <xdr:cNvSpPr txBox="1"/>
      </xdr:nvSpPr>
      <xdr:spPr>
        <a:xfrm>
          <a:off x="22212300" y="1001401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1491</xdr:rowOff>
    </xdr:from>
    <xdr:to>
      <xdr:col>116</xdr:col>
      <xdr:colOff>114300</xdr:colOff>
      <xdr:row>59</xdr:row>
      <xdr:rowOff>21641</xdr:rowOff>
    </xdr:to>
    <xdr:sp macro="" textlink="">
      <xdr:nvSpPr>
        <xdr:cNvPr id="801" name="フローチャート: 判断 800"/>
        <xdr:cNvSpPr/>
      </xdr:nvSpPr>
      <xdr:spPr>
        <a:xfrm>
          <a:off x="22110700" y="1003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14706</xdr:rowOff>
    </xdr:from>
    <xdr:to>
      <xdr:col>111</xdr:col>
      <xdr:colOff>177800</xdr:colOff>
      <xdr:row>58</xdr:row>
      <xdr:rowOff>114935</xdr:rowOff>
    </xdr:to>
    <xdr:cxnSp macro="">
      <xdr:nvCxnSpPr>
        <xdr:cNvPr id="802" name="直線コネクタ 801"/>
        <xdr:cNvCxnSpPr/>
      </xdr:nvCxnSpPr>
      <xdr:spPr>
        <a:xfrm>
          <a:off x="20434300" y="10058806"/>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2118</xdr:rowOff>
    </xdr:from>
    <xdr:to>
      <xdr:col>112</xdr:col>
      <xdr:colOff>38100</xdr:colOff>
      <xdr:row>59</xdr:row>
      <xdr:rowOff>12268</xdr:rowOff>
    </xdr:to>
    <xdr:sp macro="" textlink="">
      <xdr:nvSpPr>
        <xdr:cNvPr id="803" name="フローチャート: 判断 802"/>
        <xdr:cNvSpPr/>
      </xdr:nvSpPr>
      <xdr:spPr>
        <a:xfrm>
          <a:off x="212725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3395</xdr:rowOff>
    </xdr:from>
    <xdr:ext cx="469744" cy="259045"/>
    <xdr:sp macro="" textlink="">
      <xdr:nvSpPr>
        <xdr:cNvPr id="804" name="テキスト ボックス 803"/>
        <xdr:cNvSpPr txBox="1"/>
      </xdr:nvSpPr>
      <xdr:spPr>
        <a:xfrm>
          <a:off x="21088428" y="10118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78207</xdr:rowOff>
    </xdr:from>
    <xdr:to>
      <xdr:col>107</xdr:col>
      <xdr:colOff>50800</xdr:colOff>
      <xdr:row>58</xdr:row>
      <xdr:rowOff>114706</xdr:rowOff>
    </xdr:to>
    <xdr:cxnSp macro="">
      <xdr:nvCxnSpPr>
        <xdr:cNvPr id="805" name="直線コネクタ 804"/>
        <xdr:cNvCxnSpPr/>
      </xdr:nvCxnSpPr>
      <xdr:spPr>
        <a:xfrm>
          <a:off x="19545300" y="10022307"/>
          <a:ext cx="889000" cy="36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4839</xdr:rowOff>
    </xdr:from>
    <xdr:to>
      <xdr:col>107</xdr:col>
      <xdr:colOff>101600</xdr:colOff>
      <xdr:row>58</xdr:row>
      <xdr:rowOff>156439</xdr:rowOff>
    </xdr:to>
    <xdr:sp macro="" textlink="">
      <xdr:nvSpPr>
        <xdr:cNvPr id="806" name="フローチャート: 判断 805"/>
        <xdr:cNvSpPr/>
      </xdr:nvSpPr>
      <xdr:spPr>
        <a:xfrm>
          <a:off x="20383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16</xdr:rowOff>
    </xdr:from>
    <xdr:ext cx="469744" cy="259045"/>
    <xdr:sp macro="" textlink="">
      <xdr:nvSpPr>
        <xdr:cNvPr id="807" name="テキスト ボックス 806"/>
        <xdr:cNvSpPr txBox="1"/>
      </xdr:nvSpPr>
      <xdr:spPr>
        <a:xfrm>
          <a:off x="20199428" y="9774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77901</xdr:rowOff>
    </xdr:from>
    <xdr:to>
      <xdr:col>102</xdr:col>
      <xdr:colOff>114300</xdr:colOff>
      <xdr:row>58</xdr:row>
      <xdr:rowOff>78207</xdr:rowOff>
    </xdr:to>
    <xdr:cxnSp macro="">
      <xdr:nvCxnSpPr>
        <xdr:cNvPr id="808" name="直線コネクタ 807"/>
        <xdr:cNvCxnSpPr/>
      </xdr:nvCxnSpPr>
      <xdr:spPr>
        <a:xfrm>
          <a:off x="18656300" y="10022001"/>
          <a:ext cx="889000" cy="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2611</xdr:rowOff>
    </xdr:from>
    <xdr:to>
      <xdr:col>102</xdr:col>
      <xdr:colOff>165100</xdr:colOff>
      <xdr:row>58</xdr:row>
      <xdr:rowOff>164211</xdr:rowOff>
    </xdr:to>
    <xdr:sp macro="" textlink="">
      <xdr:nvSpPr>
        <xdr:cNvPr id="809" name="フローチャート: 判断 808"/>
        <xdr:cNvSpPr/>
      </xdr:nvSpPr>
      <xdr:spPr>
        <a:xfrm>
          <a:off x="19494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55338</xdr:rowOff>
    </xdr:from>
    <xdr:ext cx="469744" cy="259045"/>
    <xdr:sp macro="" textlink="">
      <xdr:nvSpPr>
        <xdr:cNvPr id="810" name="テキスト ボックス 809"/>
        <xdr:cNvSpPr txBox="1"/>
      </xdr:nvSpPr>
      <xdr:spPr>
        <a:xfrm>
          <a:off x="19310428" y="10099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9944</xdr:rowOff>
    </xdr:from>
    <xdr:to>
      <xdr:col>98</xdr:col>
      <xdr:colOff>38100</xdr:colOff>
      <xdr:row>58</xdr:row>
      <xdr:rowOff>161544</xdr:rowOff>
    </xdr:to>
    <xdr:sp macro="" textlink="">
      <xdr:nvSpPr>
        <xdr:cNvPr id="811" name="フローチャート: 判断 810"/>
        <xdr:cNvSpPr/>
      </xdr:nvSpPr>
      <xdr:spPr>
        <a:xfrm>
          <a:off x="18605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52671</xdr:rowOff>
    </xdr:from>
    <xdr:ext cx="469744" cy="259045"/>
    <xdr:sp macro="" textlink="">
      <xdr:nvSpPr>
        <xdr:cNvPr id="812" name="テキスト ボックス 811"/>
        <xdr:cNvSpPr txBox="1"/>
      </xdr:nvSpPr>
      <xdr:spPr>
        <a:xfrm>
          <a:off x="18421428" y="1009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9680</xdr:rowOff>
    </xdr:from>
    <xdr:to>
      <xdr:col>116</xdr:col>
      <xdr:colOff>114300</xdr:colOff>
      <xdr:row>59</xdr:row>
      <xdr:rowOff>9830</xdr:rowOff>
    </xdr:to>
    <xdr:sp macro="" textlink="">
      <xdr:nvSpPr>
        <xdr:cNvPr id="818" name="楕円 817"/>
        <xdr:cNvSpPr/>
      </xdr:nvSpPr>
      <xdr:spPr>
        <a:xfrm>
          <a:off x="22110700" y="10023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39057</xdr:rowOff>
    </xdr:from>
    <xdr:ext cx="469744" cy="259045"/>
    <xdr:sp macro="" textlink="">
      <xdr:nvSpPr>
        <xdr:cNvPr id="819" name="貸付金該当値テキスト"/>
        <xdr:cNvSpPr txBox="1"/>
      </xdr:nvSpPr>
      <xdr:spPr>
        <a:xfrm>
          <a:off x="22212300" y="9811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64135</xdr:rowOff>
    </xdr:from>
    <xdr:to>
      <xdr:col>112</xdr:col>
      <xdr:colOff>38100</xdr:colOff>
      <xdr:row>58</xdr:row>
      <xdr:rowOff>165735</xdr:rowOff>
    </xdr:to>
    <xdr:sp macro="" textlink="">
      <xdr:nvSpPr>
        <xdr:cNvPr id="820" name="楕円 819"/>
        <xdr:cNvSpPr/>
      </xdr:nvSpPr>
      <xdr:spPr>
        <a:xfrm>
          <a:off x="21272500" y="10008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0812</xdr:rowOff>
    </xdr:from>
    <xdr:ext cx="469744" cy="259045"/>
    <xdr:sp macro="" textlink="">
      <xdr:nvSpPr>
        <xdr:cNvPr id="821" name="テキスト ボックス 820"/>
        <xdr:cNvSpPr txBox="1"/>
      </xdr:nvSpPr>
      <xdr:spPr>
        <a:xfrm>
          <a:off x="21088428" y="9783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63906</xdr:rowOff>
    </xdr:from>
    <xdr:to>
      <xdr:col>107</xdr:col>
      <xdr:colOff>101600</xdr:colOff>
      <xdr:row>58</xdr:row>
      <xdr:rowOff>165506</xdr:rowOff>
    </xdr:to>
    <xdr:sp macro="" textlink="">
      <xdr:nvSpPr>
        <xdr:cNvPr id="822" name="楕円 821"/>
        <xdr:cNvSpPr/>
      </xdr:nvSpPr>
      <xdr:spPr>
        <a:xfrm>
          <a:off x="20383500" y="1000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56633</xdr:rowOff>
    </xdr:from>
    <xdr:ext cx="469744" cy="259045"/>
    <xdr:sp macro="" textlink="">
      <xdr:nvSpPr>
        <xdr:cNvPr id="823" name="テキスト ボックス 822"/>
        <xdr:cNvSpPr txBox="1"/>
      </xdr:nvSpPr>
      <xdr:spPr>
        <a:xfrm>
          <a:off x="20199428" y="10100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27407</xdr:rowOff>
    </xdr:from>
    <xdr:to>
      <xdr:col>102</xdr:col>
      <xdr:colOff>165100</xdr:colOff>
      <xdr:row>58</xdr:row>
      <xdr:rowOff>129007</xdr:rowOff>
    </xdr:to>
    <xdr:sp macro="" textlink="">
      <xdr:nvSpPr>
        <xdr:cNvPr id="824" name="楕円 823"/>
        <xdr:cNvSpPr/>
      </xdr:nvSpPr>
      <xdr:spPr>
        <a:xfrm>
          <a:off x="19494500" y="9971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5534</xdr:rowOff>
    </xdr:from>
    <xdr:ext cx="469744" cy="259045"/>
    <xdr:sp macro="" textlink="">
      <xdr:nvSpPr>
        <xdr:cNvPr id="825" name="テキスト ボックス 824"/>
        <xdr:cNvSpPr txBox="1"/>
      </xdr:nvSpPr>
      <xdr:spPr>
        <a:xfrm>
          <a:off x="19310428" y="9746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7101</xdr:rowOff>
    </xdr:from>
    <xdr:to>
      <xdr:col>98</xdr:col>
      <xdr:colOff>38100</xdr:colOff>
      <xdr:row>58</xdr:row>
      <xdr:rowOff>128701</xdr:rowOff>
    </xdr:to>
    <xdr:sp macro="" textlink="">
      <xdr:nvSpPr>
        <xdr:cNvPr id="826" name="楕円 825"/>
        <xdr:cNvSpPr/>
      </xdr:nvSpPr>
      <xdr:spPr>
        <a:xfrm>
          <a:off x="18605500" y="9971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5228</xdr:rowOff>
    </xdr:from>
    <xdr:ext cx="469744" cy="259045"/>
    <xdr:sp macro="" textlink="">
      <xdr:nvSpPr>
        <xdr:cNvPr id="827" name="テキスト ボックス 826"/>
        <xdr:cNvSpPr txBox="1"/>
      </xdr:nvSpPr>
      <xdr:spPr>
        <a:xfrm>
          <a:off x="18421428" y="9746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8" name="テキスト ボックス 837"/>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9" name="直線コネクタ 838"/>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0" name="テキスト ボックス 839"/>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1" name="直線コネクタ 840"/>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2" name="テキスト ボックス 841"/>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3" name="直線コネクタ 842"/>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4" name="テキスト ボックス 843"/>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5" name="直線コネクタ 844"/>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6" name="テキスト ボックス 845"/>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7" name="直線コネクタ 846"/>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8" name="テキスト ボックス 847"/>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9" name="直線コネクタ 848"/>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0" name="テキスト ボックス 849"/>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1"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4050</xdr:rowOff>
    </xdr:from>
    <xdr:to>
      <xdr:col>116</xdr:col>
      <xdr:colOff>62864</xdr:colOff>
      <xdr:row>78</xdr:row>
      <xdr:rowOff>139224</xdr:rowOff>
    </xdr:to>
    <xdr:cxnSp macro="">
      <xdr:nvCxnSpPr>
        <xdr:cNvPr id="852" name="直線コネクタ 851"/>
        <xdr:cNvCxnSpPr/>
      </xdr:nvCxnSpPr>
      <xdr:spPr>
        <a:xfrm flipV="1">
          <a:off x="22159595" y="12045550"/>
          <a:ext cx="1269" cy="1466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43051</xdr:rowOff>
    </xdr:from>
    <xdr:ext cx="534377" cy="259045"/>
    <xdr:sp macro="" textlink="">
      <xdr:nvSpPr>
        <xdr:cNvPr id="853" name="繰出金最小値テキスト"/>
        <xdr:cNvSpPr txBox="1"/>
      </xdr:nvSpPr>
      <xdr:spPr>
        <a:xfrm>
          <a:off x="22212300" y="13516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9224</xdr:rowOff>
    </xdr:from>
    <xdr:to>
      <xdr:col>116</xdr:col>
      <xdr:colOff>152400</xdr:colOff>
      <xdr:row>78</xdr:row>
      <xdr:rowOff>139224</xdr:rowOff>
    </xdr:to>
    <xdr:cxnSp macro="">
      <xdr:nvCxnSpPr>
        <xdr:cNvPr id="854" name="直線コネクタ 853"/>
        <xdr:cNvCxnSpPr/>
      </xdr:nvCxnSpPr>
      <xdr:spPr>
        <a:xfrm>
          <a:off x="22072600" y="13512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2177</xdr:rowOff>
    </xdr:from>
    <xdr:ext cx="599010" cy="259045"/>
    <xdr:sp macro="" textlink="">
      <xdr:nvSpPr>
        <xdr:cNvPr id="855" name="繰出金最大値テキスト"/>
        <xdr:cNvSpPr txBox="1"/>
      </xdr:nvSpPr>
      <xdr:spPr>
        <a:xfrm>
          <a:off x="22212300" y="118207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44050</xdr:rowOff>
    </xdr:from>
    <xdr:to>
      <xdr:col>116</xdr:col>
      <xdr:colOff>152400</xdr:colOff>
      <xdr:row>70</xdr:row>
      <xdr:rowOff>44050</xdr:rowOff>
    </xdr:to>
    <xdr:cxnSp macro="">
      <xdr:nvCxnSpPr>
        <xdr:cNvPr id="856" name="直線コネクタ 855"/>
        <xdr:cNvCxnSpPr/>
      </xdr:nvCxnSpPr>
      <xdr:spPr>
        <a:xfrm>
          <a:off x="22072600" y="12045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8</xdr:row>
      <xdr:rowOff>17247</xdr:rowOff>
    </xdr:from>
    <xdr:to>
      <xdr:col>116</xdr:col>
      <xdr:colOff>63500</xdr:colOff>
      <xdr:row>78</xdr:row>
      <xdr:rowOff>46926</xdr:rowOff>
    </xdr:to>
    <xdr:cxnSp macro="">
      <xdr:nvCxnSpPr>
        <xdr:cNvPr id="857" name="直線コネクタ 856"/>
        <xdr:cNvCxnSpPr/>
      </xdr:nvCxnSpPr>
      <xdr:spPr>
        <a:xfrm flipV="1">
          <a:off x="21323300" y="13390347"/>
          <a:ext cx="838200" cy="29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21614</xdr:rowOff>
    </xdr:from>
    <xdr:ext cx="534377" cy="259045"/>
    <xdr:sp macro="" textlink="">
      <xdr:nvSpPr>
        <xdr:cNvPr id="858" name="繰出金平均値テキスト"/>
        <xdr:cNvSpPr txBox="1"/>
      </xdr:nvSpPr>
      <xdr:spPr>
        <a:xfrm>
          <a:off x="22212300" y="130518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70187</xdr:rowOff>
    </xdr:from>
    <xdr:to>
      <xdr:col>116</xdr:col>
      <xdr:colOff>114300</xdr:colOff>
      <xdr:row>77</xdr:row>
      <xdr:rowOff>100337</xdr:rowOff>
    </xdr:to>
    <xdr:sp macro="" textlink="">
      <xdr:nvSpPr>
        <xdr:cNvPr id="859" name="フローチャート: 判断 858"/>
        <xdr:cNvSpPr/>
      </xdr:nvSpPr>
      <xdr:spPr>
        <a:xfrm>
          <a:off x="22110700" y="13200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44165</xdr:rowOff>
    </xdr:from>
    <xdr:to>
      <xdr:col>111</xdr:col>
      <xdr:colOff>177800</xdr:colOff>
      <xdr:row>78</xdr:row>
      <xdr:rowOff>46926</xdr:rowOff>
    </xdr:to>
    <xdr:cxnSp macro="">
      <xdr:nvCxnSpPr>
        <xdr:cNvPr id="860" name="直線コネクタ 859"/>
        <xdr:cNvCxnSpPr/>
      </xdr:nvCxnSpPr>
      <xdr:spPr>
        <a:xfrm>
          <a:off x="20434300" y="13417265"/>
          <a:ext cx="889000" cy="2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16320</xdr:rowOff>
    </xdr:from>
    <xdr:to>
      <xdr:col>112</xdr:col>
      <xdr:colOff>38100</xdr:colOff>
      <xdr:row>77</xdr:row>
      <xdr:rowOff>117920</xdr:rowOff>
    </xdr:to>
    <xdr:sp macro="" textlink="">
      <xdr:nvSpPr>
        <xdr:cNvPr id="861" name="フローチャート: 判断 860"/>
        <xdr:cNvSpPr/>
      </xdr:nvSpPr>
      <xdr:spPr>
        <a:xfrm>
          <a:off x="212725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34447</xdr:rowOff>
    </xdr:from>
    <xdr:ext cx="534377" cy="259045"/>
    <xdr:sp macro="" textlink="">
      <xdr:nvSpPr>
        <xdr:cNvPr id="862" name="テキスト ボックス 861"/>
        <xdr:cNvSpPr txBox="1"/>
      </xdr:nvSpPr>
      <xdr:spPr>
        <a:xfrm>
          <a:off x="21056111" y="12993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44165</xdr:rowOff>
    </xdr:from>
    <xdr:to>
      <xdr:col>107</xdr:col>
      <xdr:colOff>50800</xdr:colOff>
      <xdr:row>78</xdr:row>
      <xdr:rowOff>70662</xdr:rowOff>
    </xdr:to>
    <xdr:cxnSp macro="">
      <xdr:nvCxnSpPr>
        <xdr:cNvPr id="863" name="直線コネクタ 862"/>
        <xdr:cNvCxnSpPr/>
      </xdr:nvCxnSpPr>
      <xdr:spPr>
        <a:xfrm flipV="1">
          <a:off x="19545300" y="13417265"/>
          <a:ext cx="889000" cy="26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6795</xdr:rowOff>
    </xdr:from>
    <xdr:to>
      <xdr:col>107</xdr:col>
      <xdr:colOff>101600</xdr:colOff>
      <xdr:row>77</xdr:row>
      <xdr:rowOff>108395</xdr:rowOff>
    </xdr:to>
    <xdr:sp macro="" textlink="">
      <xdr:nvSpPr>
        <xdr:cNvPr id="864" name="フローチャート: 判断 863"/>
        <xdr:cNvSpPr/>
      </xdr:nvSpPr>
      <xdr:spPr>
        <a:xfrm>
          <a:off x="20383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24922</xdr:rowOff>
    </xdr:from>
    <xdr:ext cx="534377" cy="259045"/>
    <xdr:sp macro="" textlink="">
      <xdr:nvSpPr>
        <xdr:cNvPr id="865" name="テキスト ボックス 864"/>
        <xdr:cNvSpPr txBox="1"/>
      </xdr:nvSpPr>
      <xdr:spPr>
        <a:xfrm>
          <a:off x="20167111" y="12983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8</xdr:row>
      <xdr:rowOff>70662</xdr:rowOff>
    </xdr:from>
    <xdr:to>
      <xdr:col>102</xdr:col>
      <xdr:colOff>114300</xdr:colOff>
      <xdr:row>78</xdr:row>
      <xdr:rowOff>92704</xdr:rowOff>
    </xdr:to>
    <xdr:cxnSp macro="">
      <xdr:nvCxnSpPr>
        <xdr:cNvPr id="866" name="直線コネクタ 865"/>
        <xdr:cNvCxnSpPr/>
      </xdr:nvCxnSpPr>
      <xdr:spPr>
        <a:xfrm flipV="1">
          <a:off x="18656300" y="13443762"/>
          <a:ext cx="889000" cy="2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46698</xdr:rowOff>
    </xdr:from>
    <xdr:to>
      <xdr:col>102</xdr:col>
      <xdr:colOff>165100</xdr:colOff>
      <xdr:row>77</xdr:row>
      <xdr:rowOff>76848</xdr:rowOff>
    </xdr:to>
    <xdr:sp macro="" textlink="">
      <xdr:nvSpPr>
        <xdr:cNvPr id="867" name="フローチャート: 判断 866"/>
        <xdr:cNvSpPr/>
      </xdr:nvSpPr>
      <xdr:spPr>
        <a:xfrm>
          <a:off x="19494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93375</xdr:rowOff>
    </xdr:from>
    <xdr:ext cx="534377" cy="259045"/>
    <xdr:sp macro="" textlink="">
      <xdr:nvSpPr>
        <xdr:cNvPr id="868" name="テキスト ボックス 867"/>
        <xdr:cNvSpPr txBox="1"/>
      </xdr:nvSpPr>
      <xdr:spPr>
        <a:xfrm>
          <a:off x="19278111" y="12952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20656</xdr:rowOff>
    </xdr:from>
    <xdr:to>
      <xdr:col>98</xdr:col>
      <xdr:colOff>38100</xdr:colOff>
      <xdr:row>77</xdr:row>
      <xdr:rowOff>50806</xdr:rowOff>
    </xdr:to>
    <xdr:sp macro="" textlink="">
      <xdr:nvSpPr>
        <xdr:cNvPr id="869" name="フローチャート: 判断 868"/>
        <xdr:cNvSpPr/>
      </xdr:nvSpPr>
      <xdr:spPr>
        <a:xfrm>
          <a:off x="18605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67333</xdr:rowOff>
    </xdr:from>
    <xdr:ext cx="534377" cy="259045"/>
    <xdr:sp macro="" textlink="">
      <xdr:nvSpPr>
        <xdr:cNvPr id="870" name="テキスト ボックス 869"/>
        <xdr:cNvSpPr txBox="1"/>
      </xdr:nvSpPr>
      <xdr:spPr>
        <a:xfrm>
          <a:off x="18389111" y="1292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1" name="テキスト ボックス 870"/>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2" name="テキスト ボックス 871"/>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3" name="テキスト ボックス 872"/>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4" name="テキスト ボックス 873"/>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5" name="テキスト ボックス 874"/>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37897</xdr:rowOff>
    </xdr:from>
    <xdr:to>
      <xdr:col>116</xdr:col>
      <xdr:colOff>114300</xdr:colOff>
      <xdr:row>78</xdr:row>
      <xdr:rowOff>68047</xdr:rowOff>
    </xdr:to>
    <xdr:sp macro="" textlink="">
      <xdr:nvSpPr>
        <xdr:cNvPr id="876" name="楕円 875"/>
        <xdr:cNvSpPr/>
      </xdr:nvSpPr>
      <xdr:spPr>
        <a:xfrm>
          <a:off x="22110700" y="13339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52824</xdr:rowOff>
    </xdr:from>
    <xdr:ext cx="534377" cy="259045"/>
    <xdr:sp macro="" textlink="">
      <xdr:nvSpPr>
        <xdr:cNvPr id="877" name="繰出金該当値テキスト"/>
        <xdr:cNvSpPr txBox="1"/>
      </xdr:nvSpPr>
      <xdr:spPr>
        <a:xfrm>
          <a:off x="22212300" y="13254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67576</xdr:rowOff>
    </xdr:from>
    <xdr:to>
      <xdr:col>112</xdr:col>
      <xdr:colOff>38100</xdr:colOff>
      <xdr:row>78</xdr:row>
      <xdr:rowOff>97726</xdr:rowOff>
    </xdr:to>
    <xdr:sp macro="" textlink="">
      <xdr:nvSpPr>
        <xdr:cNvPr id="878" name="楕円 877"/>
        <xdr:cNvSpPr/>
      </xdr:nvSpPr>
      <xdr:spPr>
        <a:xfrm>
          <a:off x="21272500" y="13369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88853</xdr:rowOff>
    </xdr:from>
    <xdr:ext cx="534377" cy="259045"/>
    <xdr:sp macro="" textlink="">
      <xdr:nvSpPr>
        <xdr:cNvPr id="879" name="テキスト ボックス 878"/>
        <xdr:cNvSpPr txBox="1"/>
      </xdr:nvSpPr>
      <xdr:spPr>
        <a:xfrm>
          <a:off x="21056111" y="1346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64815</xdr:rowOff>
    </xdr:from>
    <xdr:to>
      <xdr:col>107</xdr:col>
      <xdr:colOff>101600</xdr:colOff>
      <xdr:row>78</xdr:row>
      <xdr:rowOff>94965</xdr:rowOff>
    </xdr:to>
    <xdr:sp macro="" textlink="">
      <xdr:nvSpPr>
        <xdr:cNvPr id="880" name="楕円 879"/>
        <xdr:cNvSpPr/>
      </xdr:nvSpPr>
      <xdr:spPr>
        <a:xfrm>
          <a:off x="20383500" y="1336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86092</xdr:rowOff>
    </xdr:from>
    <xdr:ext cx="534377" cy="259045"/>
    <xdr:sp macro="" textlink="">
      <xdr:nvSpPr>
        <xdr:cNvPr id="881" name="テキスト ボックス 880"/>
        <xdr:cNvSpPr txBox="1"/>
      </xdr:nvSpPr>
      <xdr:spPr>
        <a:xfrm>
          <a:off x="20167111" y="13459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8</xdr:row>
      <xdr:rowOff>19862</xdr:rowOff>
    </xdr:from>
    <xdr:to>
      <xdr:col>102</xdr:col>
      <xdr:colOff>165100</xdr:colOff>
      <xdr:row>78</xdr:row>
      <xdr:rowOff>121462</xdr:rowOff>
    </xdr:to>
    <xdr:sp macro="" textlink="">
      <xdr:nvSpPr>
        <xdr:cNvPr id="882" name="楕円 881"/>
        <xdr:cNvSpPr/>
      </xdr:nvSpPr>
      <xdr:spPr>
        <a:xfrm>
          <a:off x="19494500" y="13392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112589</xdr:rowOff>
    </xdr:from>
    <xdr:ext cx="534377" cy="259045"/>
    <xdr:sp macro="" textlink="">
      <xdr:nvSpPr>
        <xdr:cNvPr id="883" name="テキスト ボックス 882"/>
        <xdr:cNvSpPr txBox="1"/>
      </xdr:nvSpPr>
      <xdr:spPr>
        <a:xfrm>
          <a:off x="19278111" y="13485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8</xdr:row>
      <xdr:rowOff>41904</xdr:rowOff>
    </xdr:from>
    <xdr:to>
      <xdr:col>98</xdr:col>
      <xdr:colOff>38100</xdr:colOff>
      <xdr:row>78</xdr:row>
      <xdr:rowOff>143504</xdr:rowOff>
    </xdr:to>
    <xdr:sp macro="" textlink="">
      <xdr:nvSpPr>
        <xdr:cNvPr id="884" name="楕円 883"/>
        <xdr:cNvSpPr/>
      </xdr:nvSpPr>
      <xdr:spPr>
        <a:xfrm>
          <a:off x="18605500" y="13415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134631</xdr:rowOff>
    </xdr:from>
    <xdr:ext cx="534377" cy="259045"/>
    <xdr:sp macro="" textlink="">
      <xdr:nvSpPr>
        <xdr:cNvPr id="885" name="テキスト ボックス 884"/>
        <xdr:cNvSpPr txBox="1"/>
      </xdr:nvSpPr>
      <xdr:spPr>
        <a:xfrm>
          <a:off x="18389111" y="13507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6" name="正方形/長方形 885"/>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7" name="正方形/長方形 886"/>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8" name="正方形/長方形 887"/>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9" name="正方形/長方形 888"/>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0" name="正方形/長方形 889"/>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1" name="正方形/長方形 890"/>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2" name="正方形/長方形 891"/>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3" name="正方形/長方形 892"/>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4" name="テキスト ボックス 893"/>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5" name="直線コネクタ 894"/>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6" name="直線コネクタ 895"/>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7" name="テキスト ボックス 896"/>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8" name="直線コネクタ 897"/>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9" name="テキスト ボックス 898"/>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0"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1" name="直線コネクタ 900"/>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2"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4"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6" name="直線コネクタ 905"/>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7"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8" name="フローチャート: 判断 907"/>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9" name="直線コネクタ 908"/>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0" name="フローチャート: 判断 909"/>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1" name="テキスト ボックス 910"/>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2" name="直線コネクタ 911"/>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3" name="フローチャート: 判断 912"/>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4" name="テキスト ボックス 913"/>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5" name="直線コネクタ 914"/>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6" name="フローチャート: 判断 915"/>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7" name="テキスト ボックス 916"/>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フローチャート: 判断 917"/>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9" name="テキスト ボックス 918"/>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0" name="テキスト ボックス 919"/>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1" name="テキスト ボックス 920"/>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2" name="テキスト ボックス 921"/>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3" name="テキスト ボックス 922"/>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4" name="テキスト ボックス 923"/>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5" name="楕円 924"/>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6"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7" name="楕円 926"/>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8" name="テキスト ボックス 927"/>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9" name="楕円 928"/>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0" name="テキスト ボックス 929"/>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1" name="楕円 930"/>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2" name="テキスト ボックス 931"/>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3" name="楕円 932"/>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4" name="テキスト ボックス 933"/>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5" name="正方形/長方形 934"/>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6" name="正方形/長方形 935"/>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7" name="テキスト ボックス 936"/>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4</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の歳出決算総額に対する住民一人当たり平均額は</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84,226</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円であり、前年度の住民一人当たり平均額である</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54,012</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円と比べ</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0,214</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円の増となっている。増加した要因は、</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消防広域化に伴う消防業務委託料の</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増や</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年度分の新型コロナウイルスワクチン接種事業費に係る返納金の増に伴う補助費等の増加や財政調整基金などの積立額増に伴う積立金</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の増加などによるものであ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類似団体平均値との比較では概ね各項目は下回っている。これは寒川町が面積が狭いものの人口密度が高く、相対的に人口一人当たりコストが抑えられる傾向にあることがあげられ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今後は、社会保障制度の給付増等による扶助費、介護保険事業特別会計・後期高齢者医療事業特別会計への繰出金の増や公共施設の老朽化に伴う維持補修費の増などが予想されることから、事業実施についても選択と集中をし適正水準の確保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3
48,001
13.34
20,901,741
18,851,296
1,947,164
10,338,887
6,858,9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2738</xdr:rowOff>
    </xdr:from>
    <xdr:to>
      <xdr:col>24</xdr:col>
      <xdr:colOff>62865</xdr:colOff>
      <xdr:row>38</xdr:row>
      <xdr:rowOff>53975</xdr:rowOff>
    </xdr:to>
    <xdr:cxnSp macro="">
      <xdr:nvCxnSpPr>
        <xdr:cNvPr id="56" name="直線コネクタ 55"/>
        <xdr:cNvCxnSpPr/>
      </xdr:nvCxnSpPr>
      <xdr:spPr>
        <a:xfrm flipV="1">
          <a:off x="4633595" y="5206238"/>
          <a:ext cx="1270" cy="1362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7802</xdr:rowOff>
    </xdr:from>
    <xdr:ext cx="469744" cy="259045"/>
    <xdr:sp macro="" textlink="">
      <xdr:nvSpPr>
        <xdr:cNvPr id="57" name="議会費最小値テキスト"/>
        <xdr:cNvSpPr txBox="1"/>
      </xdr:nvSpPr>
      <xdr:spPr>
        <a:xfrm>
          <a:off x="4686300" y="6572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3975</xdr:rowOff>
    </xdr:from>
    <xdr:to>
      <xdr:col>24</xdr:col>
      <xdr:colOff>152400</xdr:colOff>
      <xdr:row>38</xdr:row>
      <xdr:rowOff>53975</xdr:rowOff>
    </xdr:to>
    <xdr:cxnSp macro="">
      <xdr:nvCxnSpPr>
        <xdr:cNvPr id="58" name="直線コネクタ 57"/>
        <xdr:cNvCxnSpPr/>
      </xdr:nvCxnSpPr>
      <xdr:spPr>
        <a:xfrm>
          <a:off x="4546600" y="6569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415</xdr:rowOff>
    </xdr:from>
    <xdr:ext cx="469744" cy="259045"/>
    <xdr:sp macro="" textlink="">
      <xdr:nvSpPr>
        <xdr:cNvPr id="59" name="議会費最大値テキスト"/>
        <xdr:cNvSpPr txBox="1"/>
      </xdr:nvSpPr>
      <xdr:spPr>
        <a:xfrm>
          <a:off x="4686300" y="4981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2738</xdr:rowOff>
    </xdr:from>
    <xdr:to>
      <xdr:col>24</xdr:col>
      <xdr:colOff>152400</xdr:colOff>
      <xdr:row>30</xdr:row>
      <xdr:rowOff>62738</xdr:rowOff>
    </xdr:to>
    <xdr:cxnSp macro="">
      <xdr:nvCxnSpPr>
        <xdr:cNvPr id="60" name="直線コネクタ 59"/>
        <xdr:cNvCxnSpPr/>
      </xdr:nvCxnSpPr>
      <xdr:spPr>
        <a:xfrm>
          <a:off x="4546600" y="5206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65024</xdr:rowOff>
    </xdr:from>
    <xdr:to>
      <xdr:col>24</xdr:col>
      <xdr:colOff>63500</xdr:colOff>
      <xdr:row>34</xdr:row>
      <xdr:rowOff>103505</xdr:rowOff>
    </xdr:to>
    <xdr:cxnSp macro="">
      <xdr:nvCxnSpPr>
        <xdr:cNvPr id="61" name="直線コネクタ 60"/>
        <xdr:cNvCxnSpPr/>
      </xdr:nvCxnSpPr>
      <xdr:spPr>
        <a:xfrm flipV="1">
          <a:off x="3797300" y="5894324"/>
          <a:ext cx="838200" cy="38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272</xdr:rowOff>
    </xdr:from>
    <xdr:ext cx="469744" cy="259045"/>
    <xdr:sp macro="" textlink="">
      <xdr:nvSpPr>
        <xdr:cNvPr id="62" name="議会費平均値テキスト"/>
        <xdr:cNvSpPr txBox="1"/>
      </xdr:nvSpPr>
      <xdr:spPr>
        <a:xfrm>
          <a:off x="4686300" y="60090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845</xdr:rowOff>
    </xdr:from>
    <xdr:to>
      <xdr:col>24</xdr:col>
      <xdr:colOff>114300</xdr:colOff>
      <xdr:row>35</xdr:row>
      <xdr:rowOff>131445</xdr:rowOff>
    </xdr:to>
    <xdr:sp macro="" textlink="">
      <xdr:nvSpPr>
        <xdr:cNvPr id="63" name="フローチャート: 判断 62"/>
        <xdr:cNvSpPr/>
      </xdr:nvSpPr>
      <xdr:spPr>
        <a:xfrm>
          <a:off x="4584700" y="6030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91313</xdr:rowOff>
    </xdr:from>
    <xdr:to>
      <xdr:col>19</xdr:col>
      <xdr:colOff>177800</xdr:colOff>
      <xdr:row>34</xdr:row>
      <xdr:rowOff>103505</xdr:rowOff>
    </xdr:to>
    <xdr:cxnSp macro="">
      <xdr:nvCxnSpPr>
        <xdr:cNvPr id="64" name="直線コネクタ 63"/>
        <xdr:cNvCxnSpPr/>
      </xdr:nvCxnSpPr>
      <xdr:spPr>
        <a:xfrm>
          <a:off x="2908300" y="5920613"/>
          <a:ext cx="889000" cy="12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607</xdr:rowOff>
    </xdr:from>
    <xdr:to>
      <xdr:col>20</xdr:col>
      <xdr:colOff>38100</xdr:colOff>
      <xdr:row>35</xdr:row>
      <xdr:rowOff>132207</xdr:rowOff>
    </xdr:to>
    <xdr:sp macro="" textlink="">
      <xdr:nvSpPr>
        <xdr:cNvPr id="65" name="フローチャート: 判断 64"/>
        <xdr:cNvSpPr/>
      </xdr:nvSpPr>
      <xdr:spPr>
        <a:xfrm>
          <a:off x="37465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334</xdr:rowOff>
    </xdr:from>
    <xdr:ext cx="469744" cy="259045"/>
    <xdr:sp macro="" textlink="">
      <xdr:nvSpPr>
        <xdr:cNvPr id="66" name="テキスト ボックス 65"/>
        <xdr:cNvSpPr txBox="1"/>
      </xdr:nvSpPr>
      <xdr:spPr>
        <a:xfrm>
          <a:off x="3562428" y="612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0071</xdr:rowOff>
    </xdr:from>
    <xdr:to>
      <xdr:col>15</xdr:col>
      <xdr:colOff>50800</xdr:colOff>
      <xdr:row>34</xdr:row>
      <xdr:rowOff>91313</xdr:rowOff>
    </xdr:to>
    <xdr:cxnSp macro="">
      <xdr:nvCxnSpPr>
        <xdr:cNvPr id="67" name="直線コネクタ 66"/>
        <xdr:cNvCxnSpPr/>
      </xdr:nvCxnSpPr>
      <xdr:spPr>
        <a:xfrm>
          <a:off x="2019300" y="5889371"/>
          <a:ext cx="8890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0988</xdr:rowOff>
    </xdr:from>
    <xdr:to>
      <xdr:col>15</xdr:col>
      <xdr:colOff>101600</xdr:colOff>
      <xdr:row>35</xdr:row>
      <xdr:rowOff>132588</xdr:rowOff>
    </xdr:to>
    <xdr:sp macro="" textlink="">
      <xdr:nvSpPr>
        <xdr:cNvPr id="68" name="フローチャート: 判断 67"/>
        <xdr:cNvSpPr/>
      </xdr:nvSpPr>
      <xdr:spPr>
        <a:xfrm>
          <a:off x="2857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3715</xdr:rowOff>
    </xdr:from>
    <xdr:ext cx="469744" cy="259045"/>
    <xdr:sp macro="" textlink="">
      <xdr:nvSpPr>
        <xdr:cNvPr id="69" name="テキスト ボックス 68"/>
        <xdr:cNvSpPr txBox="1"/>
      </xdr:nvSpPr>
      <xdr:spPr>
        <a:xfrm>
          <a:off x="2673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60071</xdr:rowOff>
    </xdr:from>
    <xdr:to>
      <xdr:col>10</xdr:col>
      <xdr:colOff>114300</xdr:colOff>
      <xdr:row>34</xdr:row>
      <xdr:rowOff>117221</xdr:rowOff>
    </xdr:to>
    <xdr:cxnSp macro="">
      <xdr:nvCxnSpPr>
        <xdr:cNvPr id="70" name="直線コネクタ 69"/>
        <xdr:cNvCxnSpPr/>
      </xdr:nvCxnSpPr>
      <xdr:spPr>
        <a:xfrm flipV="1">
          <a:off x="1130300" y="5889371"/>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1290</xdr:rowOff>
    </xdr:from>
    <xdr:to>
      <xdr:col>10</xdr:col>
      <xdr:colOff>165100</xdr:colOff>
      <xdr:row>35</xdr:row>
      <xdr:rowOff>91440</xdr:rowOff>
    </xdr:to>
    <xdr:sp macro="" textlink="">
      <xdr:nvSpPr>
        <xdr:cNvPr id="71" name="フローチャート: 判断 70"/>
        <xdr:cNvSpPr/>
      </xdr:nvSpPr>
      <xdr:spPr>
        <a:xfrm>
          <a:off x="1968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2567</xdr:rowOff>
    </xdr:from>
    <xdr:ext cx="469744" cy="259045"/>
    <xdr:sp macro="" textlink="">
      <xdr:nvSpPr>
        <xdr:cNvPr id="72" name="テキスト ボックス 71"/>
        <xdr:cNvSpPr txBox="1"/>
      </xdr:nvSpPr>
      <xdr:spPr>
        <a:xfrm>
          <a:off x="1784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5100</xdr:rowOff>
    </xdr:from>
    <xdr:to>
      <xdr:col>6</xdr:col>
      <xdr:colOff>38100</xdr:colOff>
      <xdr:row>35</xdr:row>
      <xdr:rowOff>95250</xdr:rowOff>
    </xdr:to>
    <xdr:sp macro="" textlink="">
      <xdr:nvSpPr>
        <xdr:cNvPr id="73" name="フローチャート: 判断 72"/>
        <xdr:cNvSpPr/>
      </xdr:nvSpPr>
      <xdr:spPr>
        <a:xfrm>
          <a:off x="1079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86377</xdr:rowOff>
    </xdr:from>
    <xdr:ext cx="469744" cy="259045"/>
    <xdr:sp macro="" textlink="">
      <xdr:nvSpPr>
        <xdr:cNvPr id="74" name="テキスト ボックス 73"/>
        <xdr:cNvSpPr txBox="1"/>
      </xdr:nvSpPr>
      <xdr:spPr>
        <a:xfrm>
          <a:off x="895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224</xdr:rowOff>
    </xdr:from>
    <xdr:to>
      <xdr:col>24</xdr:col>
      <xdr:colOff>114300</xdr:colOff>
      <xdr:row>34</xdr:row>
      <xdr:rowOff>115824</xdr:rowOff>
    </xdr:to>
    <xdr:sp macro="" textlink="">
      <xdr:nvSpPr>
        <xdr:cNvPr id="80" name="楕円 79"/>
        <xdr:cNvSpPr/>
      </xdr:nvSpPr>
      <xdr:spPr>
        <a:xfrm>
          <a:off x="4584700" y="58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37101</xdr:rowOff>
    </xdr:from>
    <xdr:ext cx="469744" cy="259045"/>
    <xdr:sp macro="" textlink="">
      <xdr:nvSpPr>
        <xdr:cNvPr id="81" name="議会費該当値テキスト"/>
        <xdr:cNvSpPr txBox="1"/>
      </xdr:nvSpPr>
      <xdr:spPr>
        <a:xfrm>
          <a:off x="4686300" y="5694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52705</xdr:rowOff>
    </xdr:from>
    <xdr:to>
      <xdr:col>20</xdr:col>
      <xdr:colOff>38100</xdr:colOff>
      <xdr:row>34</xdr:row>
      <xdr:rowOff>154305</xdr:rowOff>
    </xdr:to>
    <xdr:sp macro="" textlink="">
      <xdr:nvSpPr>
        <xdr:cNvPr id="82" name="楕円 81"/>
        <xdr:cNvSpPr/>
      </xdr:nvSpPr>
      <xdr:spPr>
        <a:xfrm>
          <a:off x="3746500" y="5882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70832</xdr:rowOff>
    </xdr:from>
    <xdr:ext cx="469744" cy="259045"/>
    <xdr:sp macro="" textlink="">
      <xdr:nvSpPr>
        <xdr:cNvPr id="83" name="テキスト ボックス 82"/>
        <xdr:cNvSpPr txBox="1"/>
      </xdr:nvSpPr>
      <xdr:spPr>
        <a:xfrm>
          <a:off x="3562428" y="5657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40513</xdr:rowOff>
    </xdr:from>
    <xdr:to>
      <xdr:col>15</xdr:col>
      <xdr:colOff>101600</xdr:colOff>
      <xdr:row>34</xdr:row>
      <xdr:rowOff>142113</xdr:rowOff>
    </xdr:to>
    <xdr:sp macro="" textlink="">
      <xdr:nvSpPr>
        <xdr:cNvPr id="84" name="楕円 83"/>
        <xdr:cNvSpPr/>
      </xdr:nvSpPr>
      <xdr:spPr>
        <a:xfrm>
          <a:off x="2857500" y="586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58640</xdr:rowOff>
    </xdr:from>
    <xdr:ext cx="469744" cy="259045"/>
    <xdr:sp macro="" textlink="">
      <xdr:nvSpPr>
        <xdr:cNvPr id="85" name="テキスト ボックス 84"/>
        <xdr:cNvSpPr txBox="1"/>
      </xdr:nvSpPr>
      <xdr:spPr>
        <a:xfrm>
          <a:off x="2673428" y="5645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9271</xdr:rowOff>
    </xdr:from>
    <xdr:to>
      <xdr:col>10</xdr:col>
      <xdr:colOff>165100</xdr:colOff>
      <xdr:row>34</xdr:row>
      <xdr:rowOff>110871</xdr:rowOff>
    </xdr:to>
    <xdr:sp macro="" textlink="">
      <xdr:nvSpPr>
        <xdr:cNvPr id="86" name="楕円 85"/>
        <xdr:cNvSpPr/>
      </xdr:nvSpPr>
      <xdr:spPr>
        <a:xfrm>
          <a:off x="1968500" y="5838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27398</xdr:rowOff>
    </xdr:from>
    <xdr:ext cx="469744" cy="259045"/>
    <xdr:sp macro="" textlink="">
      <xdr:nvSpPr>
        <xdr:cNvPr id="87" name="テキスト ボックス 86"/>
        <xdr:cNvSpPr txBox="1"/>
      </xdr:nvSpPr>
      <xdr:spPr>
        <a:xfrm>
          <a:off x="1784428" y="5613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66421</xdr:rowOff>
    </xdr:from>
    <xdr:to>
      <xdr:col>6</xdr:col>
      <xdr:colOff>38100</xdr:colOff>
      <xdr:row>34</xdr:row>
      <xdr:rowOff>168021</xdr:rowOff>
    </xdr:to>
    <xdr:sp macro="" textlink="">
      <xdr:nvSpPr>
        <xdr:cNvPr id="88" name="楕円 87"/>
        <xdr:cNvSpPr/>
      </xdr:nvSpPr>
      <xdr:spPr>
        <a:xfrm>
          <a:off x="1079500" y="5895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3098</xdr:rowOff>
    </xdr:from>
    <xdr:ext cx="469744" cy="259045"/>
    <xdr:sp macro="" textlink="">
      <xdr:nvSpPr>
        <xdr:cNvPr id="89" name="テキスト ボックス 88"/>
        <xdr:cNvSpPr txBox="1"/>
      </xdr:nvSpPr>
      <xdr:spPr>
        <a:xfrm>
          <a:off x="895428" y="5670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577</xdr:rowOff>
    </xdr:from>
    <xdr:to>
      <xdr:col>24</xdr:col>
      <xdr:colOff>62865</xdr:colOff>
      <xdr:row>58</xdr:row>
      <xdr:rowOff>114737</xdr:rowOff>
    </xdr:to>
    <xdr:cxnSp macro="">
      <xdr:nvCxnSpPr>
        <xdr:cNvPr id="113" name="直線コネクタ 112"/>
        <xdr:cNvCxnSpPr/>
      </xdr:nvCxnSpPr>
      <xdr:spPr>
        <a:xfrm flipV="1">
          <a:off x="4633595" y="8580077"/>
          <a:ext cx="1270" cy="147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8564</xdr:rowOff>
    </xdr:from>
    <xdr:ext cx="534377" cy="259045"/>
    <xdr:sp macro="" textlink="">
      <xdr:nvSpPr>
        <xdr:cNvPr id="114" name="総務費最小値テキスト"/>
        <xdr:cNvSpPr txBox="1"/>
      </xdr:nvSpPr>
      <xdr:spPr>
        <a:xfrm>
          <a:off x="4686300" y="10062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4737</xdr:rowOff>
    </xdr:from>
    <xdr:to>
      <xdr:col>24</xdr:col>
      <xdr:colOff>152400</xdr:colOff>
      <xdr:row>58</xdr:row>
      <xdr:rowOff>114737</xdr:rowOff>
    </xdr:to>
    <xdr:cxnSp macro="">
      <xdr:nvCxnSpPr>
        <xdr:cNvPr id="115" name="直線コネクタ 114"/>
        <xdr:cNvCxnSpPr/>
      </xdr:nvCxnSpPr>
      <xdr:spPr>
        <a:xfrm>
          <a:off x="4546600" y="10058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5704</xdr:rowOff>
    </xdr:from>
    <xdr:ext cx="599010" cy="259045"/>
    <xdr:sp macro="" textlink="">
      <xdr:nvSpPr>
        <xdr:cNvPr id="116" name="総務費最大値テキスト"/>
        <xdr:cNvSpPr txBox="1"/>
      </xdr:nvSpPr>
      <xdr:spPr>
        <a:xfrm>
          <a:off x="4686300" y="8355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4,67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577</xdr:rowOff>
    </xdr:from>
    <xdr:to>
      <xdr:col>24</xdr:col>
      <xdr:colOff>152400</xdr:colOff>
      <xdr:row>50</xdr:row>
      <xdr:rowOff>7577</xdr:rowOff>
    </xdr:to>
    <xdr:cxnSp macro="">
      <xdr:nvCxnSpPr>
        <xdr:cNvPr id="117" name="直線コネクタ 116"/>
        <xdr:cNvCxnSpPr/>
      </xdr:nvCxnSpPr>
      <xdr:spPr>
        <a:xfrm>
          <a:off x="4546600" y="858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14531</xdr:rowOff>
    </xdr:from>
    <xdr:to>
      <xdr:col>24</xdr:col>
      <xdr:colOff>63500</xdr:colOff>
      <xdr:row>58</xdr:row>
      <xdr:rowOff>14816</xdr:rowOff>
    </xdr:to>
    <xdr:cxnSp macro="">
      <xdr:nvCxnSpPr>
        <xdr:cNvPr id="118" name="直線コネクタ 117"/>
        <xdr:cNvCxnSpPr/>
      </xdr:nvCxnSpPr>
      <xdr:spPr>
        <a:xfrm flipV="1">
          <a:off x="3797300" y="9887181"/>
          <a:ext cx="838200" cy="71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7256</xdr:rowOff>
    </xdr:from>
    <xdr:ext cx="534377" cy="259045"/>
    <xdr:sp macro="" textlink="">
      <xdr:nvSpPr>
        <xdr:cNvPr id="119" name="総務費平均値テキスト"/>
        <xdr:cNvSpPr txBox="1"/>
      </xdr:nvSpPr>
      <xdr:spPr>
        <a:xfrm>
          <a:off x="4686300" y="9819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8829</xdr:rowOff>
    </xdr:from>
    <xdr:to>
      <xdr:col>24</xdr:col>
      <xdr:colOff>114300</xdr:colOff>
      <xdr:row>57</xdr:row>
      <xdr:rowOff>170429</xdr:rowOff>
    </xdr:to>
    <xdr:sp macro="" textlink="">
      <xdr:nvSpPr>
        <xdr:cNvPr id="120" name="フローチャート: 判断 119"/>
        <xdr:cNvSpPr/>
      </xdr:nvSpPr>
      <xdr:spPr>
        <a:xfrm>
          <a:off x="4584700" y="9841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44162</xdr:rowOff>
    </xdr:from>
    <xdr:to>
      <xdr:col>19</xdr:col>
      <xdr:colOff>177800</xdr:colOff>
      <xdr:row>58</xdr:row>
      <xdr:rowOff>14816</xdr:rowOff>
    </xdr:to>
    <xdr:cxnSp macro="">
      <xdr:nvCxnSpPr>
        <xdr:cNvPr id="121" name="直線コネクタ 120"/>
        <xdr:cNvCxnSpPr/>
      </xdr:nvCxnSpPr>
      <xdr:spPr>
        <a:xfrm>
          <a:off x="2908300" y="9573912"/>
          <a:ext cx="889000" cy="385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60892</xdr:rowOff>
    </xdr:from>
    <xdr:to>
      <xdr:col>20</xdr:col>
      <xdr:colOff>38100</xdr:colOff>
      <xdr:row>57</xdr:row>
      <xdr:rowOff>162492</xdr:rowOff>
    </xdr:to>
    <xdr:sp macro="" textlink="">
      <xdr:nvSpPr>
        <xdr:cNvPr id="122" name="フローチャート: 判断 121"/>
        <xdr:cNvSpPr/>
      </xdr:nvSpPr>
      <xdr:spPr>
        <a:xfrm>
          <a:off x="37465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569</xdr:rowOff>
    </xdr:from>
    <xdr:ext cx="534377" cy="259045"/>
    <xdr:sp macro="" textlink="">
      <xdr:nvSpPr>
        <xdr:cNvPr id="123" name="テキスト ボックス 122"/>
        <xdr:cNvSpPr txBox="1"/>
      </xdr:nvSpPr>
      <xdr:spPr>
        <a:xfrm>
          <a:off x="3530111" y="9608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44162</xdr:rowOff>
    </xdr:from>
    <xdr:to>
      <xdr:col>15</xdr:col>
      <xdr:colOff>50800</xdr:colOff>
      <xdr:row>58</xdr:row>
      <xdr:rowOff>22695</xdr:rowOff>
    </xdr:to>
    <xdr:cxnSp macro="">
      <xdr:nvCxnSpPr>
        <xdr:cNvPr id="124" name="直線コネクタ 123"/>
        <xdr:cNvCxnSpPr/>
      </xdr:nvCxnSpPr>
      <xdr:spPr>
        <a:xfrm flipV="1">
          <a:off x="2019300" y="9573912"/>
          <a:ext cx="889000" cy="392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7636</xdr:rowOff>
    </xdr:from>
    <xdr:to>
      <xdr:col>15</xdr:col>
      <xdr:colOff>101600</xdr:colOff>
      <xdr:row>55</xdr:row>
      <xdr:rowOff>169236</xdr:rowOff>
    </xdr:to>
    <xdr:sp macro="" textlink="">
      <xdr:nvSpPr>
        <xdr:cNvPr id="125" name="フローチャート: 判断 124"/>
        <xdr:cNvSpPr/>
      </xdr:nvSpPr>
      <xdr:spPr>
        <a:xfrm>
          <a:off x="2857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14313</xdr:rowOff>
    </xdr:from>
    <xdr:ext cx="599010" cy="259045"/>
    <xdr:sp macro="" textlink="">
      <xdr:nvSpPr>
        <xdr:cNvPr id="126" name="テキスト ボックス 125"/>
        <xdr:cNvSpPr txBox="1"/>
      </xdr:nvSpPr>
      <xdr:spPr>
        <a:xfrm>
          <a:off x="2608795" y="9272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418</xdr:rowOff>
    </xdr:from>
    <xdr:to>
      <xdr:col>10</xdr:col>
      <xdr:colOff>114300</xdr:colOff>
      <xdr:row>58</xdr:row>
      <xdr:rowOff>22695</xdr:rowOff>
    </xdr:to>
    <xdr:cxnSp macro="">
      <xdr:nvCxnSpPr>
        <xdr:cNvPr id="127" name="直線コネクタ 126"/>
        <xdr:cNvCxnSpPr/>
      </xdr:nvCxnSpPr>
      <xdr:spPr>
        <a:xfrm>
          <a:off x="1130300" y="9950518"/>
          <a:ext cx="889000" cy="16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0509</xdr:rowOff>
    </xdr:from>
    <xdr:to>
      <xdr:col>10</xdr:col>
      <xdr:colOff>165100</xdr:colOff>
      <xdr:row>58</xdr:row>
      <xdr:rowOff>60659</xdr:rowOff>
    </xdr:to>
    <xdr:sp macro="" textlink="">
      <xdr:nvSpPr>
        <xdr:cNvPr id="128" name="フローチャート: 判断 127"/>
        <xdr:cNvSpPr/>
      </xdr:nvSpPr>
      <xdr:spPr>
        <a:xfrm>
          <a:off x="1968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7186</xdr:rowOff>
    </xdr:from>
    <xdr:ext cx="534377" cy="259045"/>
    <xdr:sp macro="" textlink="">
      <xdr:nvSpPr>
        <xdr:cNvPr id="129" name="テキスト ボックス 128"/>
        <xdr:cNvSpPr txBox="1"/>
      </xdr:nvSpPr>
      <xdr:spPr>
        <a:xfrm>
          <a:off x="1752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8176</xdr:rowOff>
    </xdr:from>
    <xdr:to>
      <xdr:col>6</xdr:col>
      <xdr:colOff>38100</xdr:colOff>
      <xdr:row>58</xdr:row>
      <xdr:rowOff>18326</xdr:rowOff>
    </xdr:to>
    <xdr:sp macro="" textlink="">
      <xdr:nvSpPr>
        <xdr:cNvPr id="130" name="フローチャート: 判断 129"/>
        <xdr:cNvSpPr/>
      </xdr:nvSpPr>
      <xdr:spPr>
        <a:xfrm>
          <a:off x="1079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4853</xdr:rowOff>
    </xdr:from>
    <xdr:ext cx="534377" cy="259045"/>
    <xdr:sp macro="" textlink="">
      <xdr:nvSpPr>
        <xdr:cNvPr id="131" name="テキスト ボックス 130"/>
        <xdr:cNvSpPr txBox="1"/>
      </xdr:nvSpPr>
      <xdr:spPr>
        <a:xfrm>
          <a:off x="863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3731</xdr:rowOff>
    </xdr:from>
    <xdr:to>
      <xdr:col>24</xdr:col>
      <xdr:colOff>114300</xdr:colOff>
      <xdr:row>57</xdr:row>
      <xdr:rowOff>165331</xdr:rowOff>
    </xdr:to>
    <xdr:sp macro="" textlink="">
      <xdr:nvSpPr>
        <xdr:cNvPr id="137" name="楕円 136"/>
        <xdr:cNvSpPr/>
      </xdr:nvSpPr>
      <xdr:spPr>
        <a:xfrm>
          <a:off x="4584700" y="9836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86608</xdr:rowOff>
    </xdr:from>
    <xdr:ext cx="534377" cy="259045"/>
    <xdr:sp macro="" textlink="">
      <xdr:nvSpPr>
        <xdr:cNvPr id="138" name="総務費該当値テキスト"/>
        <xdr:cNvSpPr txBox="1"/>
      </xdr:nvSpPr>
      <xdr:spPr>
        <a:xfrm>
          <a:off x="4686300" y="9687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5466</xdr:rowOff>
    </xdr:from>
    <xdr:to>
      <xdr:col>20</xdr:col>
      <xdr:colOff>38100</xdr:colOff>
      <xdr:row>58</xdr:row>
      <xdr:rowOff>65616</xdr:rowOff>
    </xdr:to>
    <xdr:sp macro="" textlink="">
      <xdr:nvSpPr>
        <xdr:cNvPr id="139" name="楕円 138"/>
        <xdr:cNvSpPr/>
      </xdr:nvSpPr>
      <xdr:spPr>
        <a:xfrm>
          <a:off x="3746500" y="990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6743</xdr:rowOff>
    </xdr:from>
    <xdr:ext cx="534377" cy="259045"/>
    <xdr:sp macro="" textlink="">
      <xdr:nvSpPr>
        <xdr:cNvPr id="140" name="テキスト ボックス 139"/>
        <xdr:cNvSpPr txBox="1"/>
      </xdr:nvSpPr>
      <xdr:spPr>
        <a:xfrm>
          <a:off x="3530111" y="10000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93362</xdr:rowOff>
    </xdr:from>
    <xdr:to>
      <xdr:col>15</xdr:col>
      <xdr:colOff>101600</xdr:colOff>
      <xdr:row>56</xdr:row>
      <xdr:rowOff>23512</xdr:rowOff>
    </xdr:to>
    <xdr:sp macro="" textlink="">
      <xdr:nvSpPr>
        <xdr:cNvPr id="141" name="楕円 140"/>
        <xdr:cNvSpPr/>
      </xdr:nvSpPr>
      <xdr:spPr>
        <a:xfrm>
          <a:off x="2857500" y="9523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4639</xdr:rowOff>
    </xdr:from>
    <xdr:ext cx="599010" cy="259045"/>
    <xdr:sp macro="" textlink="">
      <xdr:nvSpPr>
        <xdr:cNvPr id="142" name="テキスト ボックス 141"/>
        <xdr:cNvSpPr txBox="1"/>
      </xdr:nvSpPr>
      <xdr:spPr>
        <a:xfrm>
          <a:off x="2608795" y="96158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43345</xdr:rowOff>
    </xdr:from>
    <xdr:to>
      <xdr:col>10</xdr:col>
      <xdr:colOff>165100</xdr:colOff>
      <xdr:row>58</xdr:row>
      <xdr:rowOff>73495</xdr:rowOff>
    </xdr:to>
    <xdr:sp macro="" textlink="">
      <xdr:nvSpPr>
        <xdr:cNvPr id="143" name="楕円 142"/>
        <xdr:cNvSpPr/>
      </xdr:nvSpPr>
      <xdr:spPr>
        <a:xfrm>
          <a:off x="1968500" y="9915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64622</xdr:rowOff>
    </xdr:from>
    <xdr:ext cx="534377" cy="259045"/>
    <xdr:sp macro="" textlink="">
      <xdr:nvSpPr>
        <xdr:cNvPr id="144" name="テキスト ボックス 143"/>
        <xdr:cNvSpPr txBox="1"/>
      </xdr:nvSpPr>
      <xdr:spPr>
        <a:xfrm>
          <a:off x="1752111" y="10008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7068</xdr:rowOff>
    </xdr:from>
    <xdr:to>
      <xdr:col>6</xdr:col>
      <xdr:colOff>38100</xdr:colOff>
      <xdr:row>58</xdr:row>
      <xdr:rowOff>57218</xdr:rowOff>
    </xdr:to>
    <xdr:sp macro="" textlink="">
      <xdr:nvSpPr>
        <xdr:cNvPr id="145" name="楕円 144"/>
        <xdr:cNvSpPr/>
      </xdr:nvSpPr>
      <xdr:spPr>
        <a:xfrm>
          <a:off x="1079500" y="989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8345</xdr:rowOff>
    </xdr:from>
    <xdr:ext cx="534377" cy="259045"/>
    <xdr:sp macro="" textlink="">
      <xdr:nvSpPr>
        <xdr:cNvPr id="146" name="テキスト ボックス 145"/>
        <xdr:cNvSpPr txBox="1"/>
      </xdr:nvSpPr>
      <xdr:spPr>
        <a:xfrm>
          <a:off x="863111" y="999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5153</xdr:rowOff>
    </xdr:from>
    <xdr:to>
      <xdr:col>24</xdr:col>
      <xdr:colOff>62865</xdr:colOff>
      <xdr:row>78</xdr:row>
      <xdr:rowOff>99741</xdr:rowOff>
    </xdr:to>
    <xdr:cxnSp macro="">
      <xdr:nvCxnSpPr>
        <xdr:cNvPr id="171" name="直線コネクタ 170"/>
        <xdr:cNvCxnSpPr/>
      </xdr:nvCxnSpPr>
      <xdr:spPr>
        <a:xfrm flipV="1">
          <a:off x="4633595" y="12328103"/>
          <a:ext cx="1270" cy="1144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3568</xdr:rowOff>
    </xdr:from>
    <xdr:ext cx="599010" cy="259045"/>
    <xdr:sp macro="" textlink="">
      <xdr:nvSpPr>
        <xdr:cNvPr id="172" name="民生費最小値テキスト"/>
        <xdr:cNvSpPr txBox="1"/>
      </xdr:nvSpPr>
      <xdr:spPr>
        <a:xfrm>
          <a:off x="4686300" y="13476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9741</xdr:rowOff>
    </xdr:from>
    <xdr:to>
      <xdr:col>24</xdr:col>
      <xdr:colOff>152400</xdr:colOff>
      <xdr:row>78</xdr:row>
      <xdr:rowOff>99741</xdr:rowOff>
    </xdr:to>
    <xdr:cxnSp macro="">
      <xdr:nvCxnSpPr>
        <xdr:cNvPr id="173" name="直線コネクタ 172"/>
        <xdr:cNvCxnSpPr/>
      </xdr:nvCxnSpPr>
      <xdr:spPr>
        <a:xfrm>
          <a:off x="4546600" y="13472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1830</xdr:rowOff>
    </xdr:from>
    <xdr:ext cx="599010" cy="259045"/>
    <xdr:sp macro="" textlink="">
      <xdr:nvSpPr>
        <xdr:cNvPr id="174" name="民生費最大値テキスト"/>
        <xdr:cNvSpPr txBox="1"/>
      </xdr:nvSpPr>
      <xdr:spPr>
        <a:xfrm>
          <a:off x="4686300" y="121033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47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5153</xdr:rowOff>
    </xdr:from>
    <xdr:to>
      <xdr:col>24</xdr:col>
      <xdr:colOff>152400</xdr:colOff>
      <xdr:row>71</xdr:row>
      <xdr:rowOff>155153</xdr:rowOff>
    </xdr:to>
    <xdr:cxnSp macro="">
      <xdr:nvCxnSpPr>
        <xdr:cNvPr id="175" name="直線コネクタ 174"/>
        <xdr:cNvCxnSpPr/>
      </xdr:nvCxnSpPr>
      <xdr:spPr>
        <a:xfrm>
          <a:off x="4546600" y="12328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858</xdr:rowOff>
    </xdr:from>
    <xdr:to>
      <xdr:col>24</xdr:col>
      <xdr:colOff>63500</xdr:colOff>
      <xdr:row>77</xdr:row>
      <xdr:rowOff>153470</xdr:rowOff>
    </xdr:to>
    <xdr:cxnSp macro="">
      <xdr:nvCxnSpPr>
        <xdr:cNvPr id="176" name="直線コネクタ 175"/>
        <xdr:cNvCxnSpPr/>
      </xdr:nvCxnSpPr>
      <xdr:spPr>
        <a:xfrm>
          <a:off x="3797300" y="13214508"/>
          <a:ext cx="838200" cy="140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7764</xdr:rowOff>
    </xdr:from>
    <xdr:ext cx="599010" cy="259045"/>
    <xdr:sp macro="" textlink="">
      <xdr:nvSpPr>
        <xdr:cNvPr id="177" name="民生費平均値テキスト"/>
        <xdr:cNvSpPr txBox="1"/>
      </xdr:nvSpPr>
      <xdr:spPr>
        <a:xfrm>
          <a:off x="4686300" y="129865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4887</xdr:rowOff>
    </xdr:from>
    <xdr:to>
      <xdr:col>24</xdr:col>
      <xdr:colOff>114300</xdr:colOff>
      <xdr:row>77</xdr:row>
      <xdr:rowOff>35037</xdr:rowOff>
    </xdr:to>
    <xdr:sp macro="" textlink="">
      <xdr:nvSpPr>
        <xdr:cNvPr id="178" name="フローチャート: 判断 177"/>
        <xdr:cNvSpPr/>
      </xdr:nvSpPr>
      <xdr:spPr>
        <a:xfrm>
          <a:off x="4584700" y="13135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2858</xdr:rowOff>
    </xdr:from>
    <xdr:to>
      <xdr:col>19</xdr:col>
      <xdr:colOff>177800</xdr:colOff>
      <xdr:row>78</xdr:row>
      <xdr:rowOff>53533</xdr:rowOff>
    </xdr:to>
    <xdr:cxnSp macro="">
      <xdr:nvCxnSpPr>
        <xdr:cNvPr id="179" name="直線コネクタ 178"/>
        <xdr:cNvCxnSpPr/>
      </xdr:nvCxnSpPr>
      <xdr:spPr>
        <a:xfrm flipV="1">
          <a:off x="2908300" y="13214508"/>
          <a:ext cx="889000" cy="212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6896</xdr:rowOff>
    </xdr:from>
    <xdr:to>
      <xdr:col>20</xdr:col>
      <xdr:colOff>38100</xdr:colOff>
      <xdr:row>76</xdr:row>
      <xdr:rowOff>128496</xdr:rowOff>
    </xdr:to>
    <xdr:sp macro="" textlink="">
      <xdr:nvSpPr>
        <xdr:cNvPr id="180" name="フローチャート: 判断 179"/>
        <xdr:cNvSpPr/>
      </xdr:nvSpPr>
      <xdr:spPr>
        <a:xfrm>
          <a:off x="37465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45023</xdr:rowOff>
    </xdr:from>
    <xdr:ext cx="599010" cy="259045"/>
    <xdr:sp macro="" textlink="">
      <xdr:nvSpPr>
        <xdr:cNvPr id="181" name="テキスト ボックス 180"/>
        <xdr:cNvSpPr txBox="1"/>
      </xdr:nvSpPr>
      <xdr:spPr>
        <a:xfrm>
          <a:off x="3497795" y="128323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53533</xdr:rowOff>
    </xdr:from>
    <xdr:to>
      <xdr:col>15</xdr:col>
      <xdr:colOff>50800</xdr:colOff>
      <xdr:row>78</xdr:row>
      <xdr:rowOff>134054</xdr:rowOff>
    </xdr:to>
    <xdr:cxnSp macro="">
      <xdr:nvCxnSpPr>
        <xdr:cNvPr id="182" name="直線コネクタ 181"/>
        <xdr:cNvCxnSpPr/>
      </xdr:nvCxnSpPr>
      <xdr:spPr>
        <a:xfrm flipV="1">
          <a:off x="2019300" y="13426633"/>
          <a:ext cx="889000" cy="80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6193</xdr:rowOff>
    </xdr:from>
    <xdr:to>
      <xdr:col>15</xdr:col>
      <xdr:colOff>101600</xdr:colOff>
      <xdr:row>77</xdr:row>
      <xdr:rowOff>167793</xdr:rowOff>
    </xdr:to>
    <xdr:sp macro="" textlink="">
      <xdr:nvSpPr>
        <xdr:cNvPr id="183" name="フローチャート: 判断 182"/>
        <xdr:cNvSpPr/>
      </xdr:nvSpPr>
      <xdr:spPr>
        <a:xfrm>
          <a:off x="2857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2870</xdr:rowOff>
    </xdr:from>
    <xdr:ext cx="599010" cy="259045"/>
    <xdr:sp macro="" textlink="">
      <xdr:nvSpPr>
        <xdr:cNvPr id="184" name="テキスト ボックス 183"/>
        <xdr:cNvSpPr txBox="1"/>
      </xdr:nvSpPr>
      <xdr:spPr>
        <a:xfrm>
          <a:off x="2608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34054</xdr:rowOff>
    </xdr:from>
    <xdr:to>
      <xdr:col>10</xdr:col>
      <xdr:colOff>114300</xdr:colOff>
      <xdr:row>79</xdr:row>
      <xdr:rowOff>2251</xdr:rowOff>
    </xdr:to>
    <xdr:cxnSp macro="">
      <xdr:nvCxnSpPr>
        <xdr:cNvPr id="185" name="直線コネクタ 184"/>
        <xdr:cNvCxnSpPr/>
      </xdr:nvCxnSpPr>
      <xdr:spPr>
        <a:xfrm flipV="1">
          <a:off x="1130300" y="13507154"/>
          <a:ext cx="889000" cy="39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0548</xdr:rowOff>
    </xdr:from>
    <xdr:to>
      <xdr:col>10</xdr:col>
      <xdr:colOff>165100</xdr:colOff>
      <xdr:row>78</xdr:row>
      <xdr:rowOff>40698</xdr:rowOff>
    </xdr:to>
    <xdr:sp macro="" textlink="">
      <xdr:nvSpPr>
        <xdr:cNvPr id="186" name="フローチャート: 判断 185"/>
        <xdr:cNvSpPr/>
      </xdr:nvSpPr>
      <xdr:spPr>
        <a:xfrm>
          <a:off x="1968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57225</xdr:rowOff>
    </xdr:from>
    <xdr:ext cx="599010" cy="259045"/>
    <xdr:sp macro="" textlink="">
      <xdr:nvSpPr>
        <xdr:cNvPr id="187" name="テキスト ボックス 186"/>
        <xdr:cNvSpPr txBox="1"/>
      </xdr:nvSpPr>
      <xdr:spPr>
        <a:xfrm>
          <a:off x="1719795" y="13087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5301</xdr:rowOff>
    </xdr:from>
    <xdr:to>
      <xdr:col>6</xdr:col>
      <xdr:colOff>38100</xdr:colOff>
      <xdr:row>78</xdr:row>
      <xdr:rowOff>85451</xdr:rowOff>
    </xdr:to>
    <xdr:sp macro="" textlink="">
      <xdr:nvSpPr>
        <xdr:cNvPr id="188" name="フローチャート: 判断 187"/>
        <xdr:cNvSpPr/>
      </xdr:nvSpPr>
      <xdr:spPr>
        <a:xfrm>
          <a:off x="1079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1978</xdr:rowOff>
    </xdr:from>
    <xdr:ext cx="599010" cy="259045"/>
    <xdr:sp macro="" textlink="">
      <xdr:nvSpPr>
        <xdr:cNvPr id="189" name="テキスト ボックス 188"/>
        <xdr:cNvSpPr txBox="1"/>
      </xdr:nvSpPr>
      <xdr:spPr>
        <a:xfrm>
          <a:off x="830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2670</xdr:rowOff>
    </xdr:from>
    <xdr:to>
      <xdr:col>24</xdr:col>
      <xdr:colOff>114300</xdr:colOff>
      <xdr:row>78</xdr:row>
      <xdr:rowOff>32820</xdr:rowOff>
    </xdr:to>
    <xdr:sp macro="" textlink="">
      <xdr:nvSpPr>
        <xdr:cNvPr id="195" name="楕円 194"/>
        <xdr:cNvSpPr/>
      </xdr:nvSpPr>
      <xdr:spPr>
        <a:xfrm>
          <a:off x="4584700" y="1330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7597</xdr:rowOff>
    </xdr:from>
    <xdr:ext cx="599010" cy="259045"/>
    <xdr:sp macro="" textlink="">
      <xdr:nvSpPr>
        <xdr:cNvPr id="196" name="民生費該当値テキスト"/>
        <xdr:cNvSpPr txBox="1"/>
      </xdr:nvSpPr>
      <xdr:spPr>
        <a:xfrm>
          <a:off x="4686300" y="132192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33508</xdr:rowOff>
    </xdr:from>
    <xdr:to>
      <xdr:col>20</xdr:col>
      <xdr:colOff>38100</xdr:colOff>
      <xdr:row>77</xdr:row>
      <xdr:rowOff>63658</xdr:rowOff>
    </xdr:to>
    <xdr:sp macro="" textlink="">
      <xdr:nvSpPr>
        <xdr:cNvPr id="197" name="楕円 196"/>
        <xdr:cNvSpPr/>
      </xdr:nvSpPr>
      <xdr:spPr>
        <a:xfrm>
          <a:off x="3746500" y="1316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54785</xdr:rowOff>
    </xdr:from>
    <xdr:ext cx="599010" cy="259045"/>
    <xdr:sp macro="" textlink="">
      <xdr:nvSpPr>
        <xdr:cNvPr id="198" name="テキスト ボックス 197"/>
        <xdr:cNvSpPr txBox="1"/>
      </xdr:nvSpPr>
      <xdr:spPr>
        <a:xfrm>
          <a:off x="3497795" y="132564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733</xdr:rowOff>
    </xdr:from>
    <xdr:to>
      <xdr:col>15</xdr:col>
      <xdr:colOff>101600</xdr:colOff>
      <xdr:row>78</xdr:row>
      <xdr:rowOff>104333</xdr:rowOff>
    </xdr:to>
    <xdr:sp macro="" textlink="">
      <xdr:nvSpPr>
        <xdr:cNvPr id="199" name="楕円 198"/>
        <xdr:cNvSpPr/>
      </xdr:nvSpPr>
      <xdr:spPr>
        <a:xfrm>
          <a:off x="2857500" y="13375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95460</xdr:rowOff>
    </xdr:from>
    <xdr:ext cx="599010" cy="259045"/>
    <xdr:sp macro="" textlink="">
      <xdr:nvSpPr>
        <xdr:cNvPr id="200" name="テキスト ボックス 199"/>
        <xdr:cNvSpPr txBox="1"/>
      </xdr:nvSpPr>
      <xdr:spPr>
        <a:xfrm>
          <a:off x="2608795" y="134685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3254</xdr:rowOff>
    </xdr:from>
    <xdr:to>
      <xdr:col>10</xdr:col>
      <xdr:colOff>165100</xdr:colOff>
      <xdr:row>79</xdr:row>
      <xdr:rowOff>13404</xdr:rowOff>
    </xdr:to>
    <xdr:sp macro="" textlink="">
      <xdr:nvSpPr>
        <xdr:cNvPr id="201" name="楕円 200"/>
        <xdr:cNvSpPr/>
      </xdr:nvSpPr>
      <xdr:spPr>
        <a:xfrm>
          <a:off x="1968500" y="13456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4531</xdr:rowOff>
    </xdr:from>
    <xdr:ext cx="599010" cy="259045"/>
    <xdr:sp macro="" textlink="">
      <xdr:nvSpPr>
        <xdr:cNvPr id="202" name="テキスト ボックス 201"/>
        <xdr:cNvSpPr txBox="1"/>
      </xdr:nvSpPr>
      <xdr:spPr>
        <a:xfrm>
          <a:off x="1719795" y="135490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22901</xdr:rowOff>
    </xdr:from>
    <xdr:to>
      <xdr:col>6</xdr:col>
      <xdr:colOff>38100</xdr:colOff>
      <xdr:row>79</xdr:row>
      <xdr:rowOff>53051</xdr:rowOff>
    </xdr:to>
    <xdr:sp macro="" textlink="">
      <xdr:nvSpPr>
        <xdr:cNvPr id="203" name="楕円 202"/>
        <xdr:cNvSpPr/>
      </xdr:nvSpPr>
      <xdr:spPr>
        <a:xfrm>
          <a:off x="1079500" y="13496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44178</xdr:rowOff>
    </xdr:from>
    <xdr:ext cx="599010" cy="259045"/>
    <xdr:sp macro="" textlink="">
      <xdr:nvSpPr>
        <xdr:cNvPr id="204" name="テキスト ボックス 203"/>
        <xdr:cNvSpPr txBox="1"/>
      </xdr:nvSpPr>
      <xdr:spPr>
        <a:xfrm>
          <a:off x="830795" y="13588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2802</xdr:rowOff>
    </xdr:from>
    <xdr:to>
      <xdr:col>24</xdr:col>
      <xdr:colOff>62865</xdr:colOff>
      <xdr:row>98</xdr:row>
      <xdr:rowOff>150313</xdr:rowOff>
    </xdr:to>
    <xdr:cxnSp macro="">
      <xdr:nvCxnSpPr>
        <xdr:cNvPr id="231" name="直線コネクタ 230"/>
        <xdr:cNvCxnSpPr/>
      </xdr:nvCxnSpPr>
      <xdr:spPr>
        <a:xfrm flipV="1">
          <a:off x="4633595" y="15573302"/>
          <a:ext cx="1270" cy="13791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4140</xdr:rowOff>
    </xdr:from>
    <xdr:ext cx="534377" cy="259045"/>
    <xdr:sp macro="" textlink="">
      <xdr:nvSpPr>
        <xdr:cNvPr id="232" name="衛生費最小値テキスト"/>
        <xdr:cNvSpPr txBox="1"/>
      </xdr:nvSpPr>
      <xdr:spPr>
        <a:xfrm>
          <a:off x="4686300" y="169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0313</xdr:rowOff>
    </xdr:from>
    <xdr:to>
      <xdr:col>24</xdr:col>
      <xdr:colOff>152400</xdr:colOff>
      <xdr:row>98</xdr:row>
      <xdr:rowOff>150313</xdr:rowOff>
    </xdr:to>
    <xdr:cxnSp macro="">
      <xdr:nvCxnSpPr>
        <xdr:cNvPr id="233" name="直線コネクタ 232"/>
        <xdr:cNvCxnSpPr/>
      </xdr:nvCxnSpPr>
      <xdr:spPr>
        <a:xfrm>
          <a:off x="4546600" y="16952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9479</xdr:rowOff>
    </xdr:from>
    <xdr:ext cx="599010" cy="259045"/>
    <xdr:sp macro="" textlink="">
      <xdr:nvSpPr>
        <xdr:cNvPr id="234" name="衛生費最大値テキスト"/>
        <xdr:cNvSpPr txBox="1"/>
      </xdr:nvSpPr>
      <xdr:spPr>
        <a:xfrm>
          <a:off x="4686300" y="15348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1,8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2802</xdr:rowOff>
    </xdr:from>
    <xdr:to>
      <xdr:col>24</xdr:col>
      <xdr:colOff>152400</xdr:colOff>
      <xdr:row>90</xdr:row>
      <xdr:rowOff>142802</xdr:rowOff>
    </xdr:to>
    <xdr:cxnSp macro="">
      <xdr:nvCxnSpPr>
        <xdr:cNvPr id="235" name="直線コネクタ 234"/>
        <xdr:cNvCxnSpPr/>
      </xdr:nvCxnSpPr>
      <xdr:spPr>
        <a:xfrm>
          <a:off x="4546600" y="15573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12823</xdr:rowOff>
    </xdr:from>
    <xdr:to>
      <xdr:col>24</xdr:col>
      <xdr:colOff>63500</xdr:colOff>
      <xdr:row>97</xdr:row>
      <xdr:rowOff>109150</xdr:rowOff>
    </xdr:to>
    <xdr:cxnSp macro="">
      <xdr:nvCxnSpPr>
        <xdr:cNvPr id="236" name="直線コネクタ 235"/>
        <xdr:cNvCxnSpPr/>
      </xdr:nvCxnSpPr>
      <xdr:spPr>
        <a:xfrm flipV="1">
          <a:off x="3797300" y="16572023"/>
          <a:ext cx="838200" cy="167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63535</xdr:rowOff>
    </xdr:from>
    <xdr:ext cx="534377" cy="259045"/>
    <xdr:sp macro="" textlink="">
      <xdr:nvSpPr>
        <xdr:cNvPr id="237" name="衛生費平均値テキスト"/>
        <xdr:cNvSpPr txBox="1"/>
      </xdr:nvSpPr>
      <xdr:spPr>
        <a:xfrm>
          <a:off x="4686300" y="16622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3658</xdr:rowOff>
    </xdr:from>
    <xdr:to>
      <xdr:col>24</xdr:col>
      <xdr:colOff>114300</xdr:colOff>
      <xdr:row>97</xdr:row>
      <xdr:rowOff>115258</xdr:rowOff>
    </xdr:to>
    <xdr:sp macro="" textlink="">
      <xdr:nvSpPr>
        <xdr:cNvPr id="238" name="フローチャート: 判断 237"/>
        <xdr:cNvSpPr/>
      </xdr:nvSpPr>
      <xdr:spPr>
        <a:xfrm>
          <a:off x="4584700" y="1664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09150</xdr:rowOff>
    </xdr:from>
    <xdr:to>
      <xdr:col>19</xdr:col>
      <xdr:colOff>177800</xdr:colOff>
      <xdr:row>98</xdr:row>
      <xdr:rowOff>118049</xdr:rowOff>
    </xdr:to>
    <xdr:cxnSp macro="">
      <xdr:nvCxnSpPr>
        <xdr:cNvPr id="239" name="直線コネクタ 238"/>
        <xdr:cNvCxnSpPr/>
      </xdr:nvCxnSpPr>
      <xdr:spPr>
        <a:xfrm flipV="1">
          <a:off x="2908300" y="16739800"/>
          <a:ext cx="889000" cy="180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25856</xdr:rowOff>
    </xdr:from>
    <xdr:to>
      <xdr:col>20</xdr:col>
      <xdr:colOff>38100</xdr:colOff>
      <xdr:row>97</xdr:row>
      <xdr:rowOff>127456</xdr:rowOff>
    </xdr:to>
    <xdr:sp macro="" textlink="">
      <xdr:nvSpPr>
        <xdr:cNvPr id="240" name="フローチャート: 判断 239"/>
        <xdr:cNvSpPr/>
      </xdr:nvSpPr>
      <xdr:spPr>
        <a:xfrm>
          <a:off x="37465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43983</xdr:rowOff>
    </xdr:from>
    <xdr:ext cx="534377" cy="259045"/>
    <xdr:sp macro="" textlink="">
      <xdr:nvSpPr>
        <xdr:cNvPr id="241" name="テキスト ボックス 240"/>
        <xdr:cNvSpPr txBox="1"/>
      </xdr:nvSpPr>
      <xdr:spPr>
        <a:xfrm>
          <a:off x="3530111" y="16431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4080</xdr:rowOff>
    </xdr:from>
    <xdr:to>
      <xdr:col>15</xdr:col>
      <xdr:colOff>50800</xdr:colOff>
      <xdr:row>98</xdr:row>
      <xdr:rowOff>118049</xdr:rowOff>
    </xdr:to>
    <xdr:cxnSp macro="">
      <xdr:nvCxnSpPr>
        <xdr:cNvPr id="242" name="直線コネクタ 241"/>
        <xdr:cNvCxnSpPr/>
      </xdr:nvCxnSpPr>
      <xdr:spPr>
        <a:xfrm>
          <a:off x="2019300" y="16916180"/>
          <a:ext cx="889000" cy="3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6206</xdr:rowOff>
    </xdr:from>
    <xdr:to>
      <xdr:col>15</xdr:col>
      <xdr:colOff>101600</xdr:colOff>
      <xdr:row>98</xdr:row>
      <xdr:rowOff>86356</xdr:rowOff>
    </xdr:to>
    <xdr:sp macro="" textlink="">
      <xdr:nvSpPr>
        <xdr:cNvPr id="243" name="フローチャート: 判断 242"/>
        <xdr:cNvSpPr/>
      </xdr:nvSpPr>
      <xdr:spPr>
        <a:xfrm>
          <a:off x="2857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02883</xdr:rowOff>
    </xdr:from>
    <xdr:ext cx="534377" cy="259045"/>
    <xdr:sp macro="" textlink="">
      <xdr:nvSpPr>
        <xdr:cNvPr id="244" name="テキスト ボックス 243"/>
        <xdr:cNvSpPr txBox="1"/>
      </xdr:nvSpPr>
      <xdr:spPr>
        <a:xfrm>
          <a:off x="2641111" y="1656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4080</xdr:rowOff>
    </xdr:from>
    <xdr:to>
      <xdr:col>10</xdr:col>
      <xdr:colOff>114300</xdr:colOff>
      <xdr:row>98</xdr:row>
      <xdr:rowOff>144892</xdr:rowOff>
    </xdr:to>
    <xdr:cxnSp macro="">
      <xdr:nvCxnSpPr>
        <xdr:cNvPr id="245" name="直線コネクタ 244"/>
        <xdr:cNvCxnSpPr/>
      </xdr:nvCxnSpPr>
      <xdr:spPr>
        <a:xfrm flipV="1">
          <a:off x="1130300" y="16916180"/>
          <a:ext cx="889000" cy="30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4354</xdr:rowOff>
    </xdr:from>
    <xdr:to>
      <xdr:col>10</xdr:col>
      <xdr:colOff>165100</xdr:colOff>
      <xdr:row>98</xdr:row>
      <xdr:rowOff>125954</xdr:rowOff>
    </xdr:to>
    <xdr:sp macro="" textlink="">
      <xdr:nvSpPr>
        <xdr:cNvPr id="246" name="フローチャート: 判断 245"/>
        <xdr:cNvSpPr/>
      </xdr:nvSpPr>
      <xdr:spPr>
        <a:xfrm>
          <a:off x="1968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2481</xdr:rowOff>
    </xdr:from>
    <xdr:ext cx="534377" cy="259045"/>
    <xdr:sp macro="" textlink="">
      <xdr:nvSpPr>
        <xdr:cNvPr id="247" name="テキスト ボックス 246"/>
        <xdr:cNvSpPr txBox="1"/>
      </xdr:nvSpPr>
      <xdr:spPr>
        <a:xfrm>
          <a:off x="1752111" y="1660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6339</xdr:rowOff>
    </xdr:from>
    <xdr:to>
      <xdr:col>6</xdr:col>
      <xdr:colOff>38100</xdr:colOff>
      <xdr:row>98</xdr:row>
      <xdr:rowOff>137939</xdr:rowOff>
    </xdr:to>
    <xdr:sp macro="" textlink="">
      <xdr:nvSpPr>
        <xdr:cNvPr id="248" name="フローチャート: 判断 247"/>
        <xdr:cNvSpPr/>
      </xdr:nvSpPr>
      <xdr:spPr>
        <a:xfrm>
          <a:off x="1079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54466</xdr:rowOff>
    </xdr:from>
    <xdr:ext cx="534377" cy="259045"/>
    <xdr:sp macro="" textlink="">
      <xdr:nvSpPr>
        <xdr:cNvPr id="249" name="テキスト ボックス 248"/>
        <xdr:cNvSpPr txBox="1"/>
      </xdr:nvSpPr>
      <xdr:spPr>
        <a:xfrm>
          <a:off x="863111" y="16613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2023</xdr:rowOff>
    </xdr:from>
    <xdr:to>
      <xdr:col>24</xdr:col>
      <xdr:colOff>114300</xdr:colOff>
      <xdr:row>96</xdr:row>
      <xdr:rowOff>163623</xdr:rowOff>
    </xdr:to>
    <xdr:sp macro="" textlink="">
      <xdr:nvSpPr>
        <xdr:cNvPr id="255" name="楕円 254"/>
        <xdr:cNvSpPr/>
      </xdr:nvSpPr>
      <xdr:spPr>
        <a:xfrm>
          <a:off x="4584700" y="16521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84900</xdr:rowOff>
    </xdr:from>
    <xdr:ext cx="534377" cy="259045"/>
    <xdr:sp macro="" textlink="">
      <xdr:nvSpPr>
        <xdr:cNvPr id="256" name="衛生費該当値テキスト"/>
        <xdr:cNvSpPr txBox="1"/>
      </xdr:nvSpPr>
      <xdr:spPr>
        <a:xfrm>
          <a:off x="4686300" y="16372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58350</xdr:rowOff>
    </xdr:from>
    <xdr:to>
      <xdr:col>20</xdr:col>
      <xdr:colOff>38100</xdr:colOff>
      <xdr:row>97</xdr:row>
      <xdr:rowOff>159950</xdr:rowOff>
    </xdr:to>
    <xdr:sp macro="" textlink="">
      <xdr:nvSpPr>
        <xdr:cNvPr id="257" name="楕円 256"/>
        <xdr:cNvSpPr/>
      </xdr:nvSpPr>
      <xdr:spPr>
        <a:xfrm>
          <a:off x="3746500" y="1668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51077</xdr:rowOff>
    </xdr:from>
    <xdr:ext cx="534377" cy="259045"/>
    <xdr:sp macro="" textlink="">
      <xdr:nvSpPr>
        <xdr:cNvPr id="258" name="テキスト ボックス 257"/>
        <xdr:cNvSpPr txBox="1"/>
      </xdr:nvSpPr>
      <xdr:spPr>
        <a:xfrm>
          <a:off x="3530111" y="16781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7249</xdr:rowOff>
    </xdr:from>
    <xdr:to>
      <xdr:col>15</xdr:col>
      <xdr:colOff>101600</xdr:colOff>
      <xdr:row>98</xdr:row>
      <xdr:rowOff>168849</xdr:rowOff>
    </xdr:to>
    <xdr:sp macro="" textlink="">
      <xdr:nvSpPr>
        <xdr:cNvPr id="259" name="楕円 258"/>
        <xdr:cNvSpPr/>
      </xdr:nvSpPr>
      <xdr:spPr>
        <a:xfrm>
          <a:off x="2857500" y="16869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9976</xdr:rowOff>
    </xdr:from>
    <xdr:ext cx="534377" cy="259045"/>
    <xdr:sp macro="" textlink="">
      <xdr:nvSpPr>
        <xdr:cNvPr id="260" name="テキスト ボックス 259"/>
        <xdr:cNvSpPr txBox="1"/>
      </xdr:nvSpPr>
      <xdr:spPr>
        <a:xfrm>
          <a:off x="2641111" y="16962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63280</xdr:rowOff>
    </xdr:from>
    <xdr:to>
      <xdr:col>10</xdr:col>
      <xdr:colOff>165100</xdr:colOff>
      <xdr:row>98</xdr:row>
      <xdr:rowOff>164880</xdr:rowOff>
    </xdr:to>
    <xdr:sp macro="" textlink="">
      <xdr:nvSpPr>
        <xdr:cNvPr id="261" name="楕円 260"/>
        <xdr:cNvSpPr/>
      </xdr:nvSpPr>
      <xdr:spPr>
        <a:xfrm>
          <a:off x="1968500" y="16865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6007</xdr:rowOff>
    </xdr:from>
    <xdr:ext cx="534377" cy="259045"/>
    <xdr:sp macro="" textlink="">
      <xdr:nvSpPr>
        <xdr:cNvPr id="262" name="テキスト ボックス 261"/>
        <xdr:cNvSpPr txBox="1"/>
      </xdr:nvSpPr>
      <xdr:spPr>
        <a:xfrm>
          <a:off x="1752111" y="16958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4092</xdr:rowOff>
    </xdr:from>
    <xdr:to>
      <xdr:col>6</xdr:col>
      <xdr:colOff>38100</xdr:colOff>
      <xdr:row>99</xdr:row>
      <xdr:rowOff>24242</xdr:rowOff>
    </xdr:to>
    <xdr:sp macro="" textlink="">
      <xdr:nvSpPr>
        <xdr:cNvPr id="263" name="楕円 262"/>
        <xdr:cNvSpPr/>
      </xdr:nvSpPr>
      <xdr:spPr>
        <a:xfrm>
          <a:off x="1079500" y="16896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5369</xdr:rowOff>
    </xdr:from>
    <xdr:ext cx="534377" cy="259045"/>
    <xdr:sp macro="" textlink="">
      <xdr:nvSpPr>
        <xdr:cNvPr id="264" name="テキスト ボックス 263"/>
        <xdr:cNvSpPr txBox="1"/>
      </xdr:nvSpPr>
      <xdr:spPr>
        <a:xfrm>
          <a:off x="863111" y="16988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8260</xdr:rowOff>
    </xdr:from>
    <xdr:to>
      <xdr:col>54</xdr:col>
      <xdr:colOff>189865</xdr:colOff>
      <xdr:row>39</xdr:row>
      <xdr:rowOff>98878</xdr:rowOff>
    </xdr:to>
    <xdr:cxnSp macro="">
      <xdr:nvCxnSpPr>
        <xdr:cNvPr id="290" name="直線コネクタ 289"/>
        <xdr:cNvCxnSpPr/>
      </xdr:nvCxnSpPr>
      <xdr:spPr>
        <a:xfrm flipV="1">
          <a:off x="10475595" y="5363210"/>
          <a:ext cx="127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6387</xdr:rowOff>
    </xdr:from>
    <xdr:ext cx="469744" cy="259045"/>
    <xdr:sp macro="" textlink="">
      <xdr:nvSpPr>
        <xdr:cNvPr id="293" name="労働費最大値テキスト"/>
        <xdr:cNvSpPr txBox="1"/>
      </xdr:nvSpPr>
      <xdr:spPr>
        <a:xfrm>
          <a:off x="10528300" y="5138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48260</xdr:rowOff>
    </xdr:from>
    <xdr:to>
      <xdr:col>55</xdr:col>
      <xdr:colOff>88900</xdr:colOff>
      <xdr:row>31</xdr:row>
      <xdr:rowOff>48260</xdr:rowOff>
    </xdr:to>
    <xdr:cxnSp macro="">
      <xdr:nvCxnSpPr>
        <xdr:cNvPr id="294" name="直線コネクタ 293"/>
        <xdr:cNvCxnSpPr/>
      </xdr:nvCxnSpPr>
      <xdr:spPr>
        <a:xfrm>
          <a:off x="10388600" y="5363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7765</xdr:rowOff>
    </xdr:from>
    <xdr:to>
      <xdr:col>55</xdr:col>
      <xdr:colOff>0</xdr:colOff>
      <xdr:row>38</xdr:row>
      <xdr:rowOff>75692</xdr:rowOff>
    </xdr:to>
    <xdr:cxnSp macro="">
      <xdr:nvCxnSpPr>
        <xdr:cNvPr id="295" name="直線コネクタ 294"/>
        <xdr:cNvCxnSpPr/>
      </xdr:nvCxnSpPr>
      <xdr:spPr>
        <a:xfrm>
          <a:off x="9639300" y="6522865"/>
          <a:ext cx="838200" cy="67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0593</xdr:rowOff>
    </xdr:from>
    <xdr:ext cx="378565" cy="259045"/>
    <xdr:sp macro="" textlink="">
      <xdr:nvSpPr>
        <xdr:cNvPr id="296" name="労働費平均値テキスト"/>
        <xdr:cNvSpPr txBox="1"/>
      </xdr:nvSpPr>
      <xdr:spPr>
        <a:xfrm>
          <a:off x="10528300" y="65856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2166</xdr:rowOff>
    </xdr:from>
    <xdr:to>
      <xdr:col>55</xdr:col>
      <xdr:colOff>50800</xdr:colOff>
      <xdr:row>39</xdr:row>
      <xdr:rowOff>22316</xdr:rowOff>
    </xdr:to>
    <xdr:sp macro="" textlink="">
      <xdr:nvSpPr>
        <xdr:cNvPr id="297" name="フローチャート: 判断 296"/>
        <xdr:cNvSpPr/>
      </xdr:nvSpPr>
      <xdr:spPr>
        <a:xfrm>
          <a:off x="10426700" y="6607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4173</xdr:rowOff>
    </xdr:from>
    <xdr:to>
      <xdr:col>50</xdr:col>
      <xdr:colOff>114300</xdr:colOff>
      <xdr:row>38</xdr:row>
      <xdr:rowOff>7765</xdr:rowOff>
    </xdr:to>
    <xdr:cxnSp macro="">
      <xdr:nvCxnSpPr>
        <xdr:cNvPr id="298" name="直線コネクタ 297"/>
        <xdr:cNvCxnSpPr/>
      </xdr:nvCxnSpPr>
      <xdr:spPr>
        <a:xfrm>
          <a:off x="8750300" y="6519273"/>
          <a:ext cx="889000" cy="3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91186</xdr:rowOff>
    </xdr:from>
    <xdr:to>
      <xdr:col>50</xdr:col>
      <xdr:colOff>165100</xdr:colOff>
      <xdr:row>39</xdr:row>
      <xdr:rowOff>21336</xdr:rowOff>
    </xdr:to>
    <xdr:sp macro="" textlink="">
      <xdr:nvSpPr>
        <xdr:cNvPr id="299" name="フローチャート: 判断 298"/>
        <xdr:cNvSpPr/>
      </xdr:nvSpPr>
      <xdr:spPr>
        <a:xfrm>
          <a:off x="95885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12463</xdr:rowOff>
    </xdr:from>
    <xdr:ext cx="378565" cy="259045"/>
    <xdr:sp macro="" textlink="">
      <xdr:nvSpPr>
        <xdr:cNvPr id="300" name="テキスト ボックス 299"/>
        <xdr:cNvSpPr txBox="1"/>
      </xdr:nvSpPr>
      <xdr:spPr>
        <a:xfrm>
          <a:off x="9450017" y="66990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31605</xdr:rowOff>
    </xdr:from>
    <xdr:to>
      <xdr:col>45</xdr:col>
      <xdr:colOff>177800</xdr:colOff>
      <xdr:row>38</xdr:row>
      <xdr:rowOff>4173</xdr:rowOff>
    </xdr:to>
    <xdr:cxnSp macro="">
      <xdr:nvCxnSpPr>
        <xdr:cNvPr id="301" name="直線コネクタ 300"/>
        <xdr:cNvCxnSpPr/>
      </xdr:nvCxnSpPr>
      <xdr:spPr>
        <a:xfrm>
          <a:off x="7861300" y="6375255"/>
          <a:ext cx="889000" cy="14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88574</xdr:rowOff>
    </xdr:from>
    <xdr:to>
      <xdr:col>46</xdr:col>
      <xdr:colOff>38100</xdr:colOff>
      <xdr:row>39</xdr:row>
      <xdr:rowOff>18724</xdr:rowOff>
    </xdr:to>
    <xdr:sp macro="" textlink="">
      <xdr:nvSpPr>
        <xdr:cNvPr id="302" name="フローチャート: 判断 301"/>
        <xdr:cNvSpPr/>
      </xdr:nvSpPr>
      <xdr:spPr>
        <a:xfrm>
          <a:off x="8699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9851</xdr:rowOff>
    </xdr:from>
    <xdr:ext cx="378565" cy="259045"/>
    <xdr:sp macro="" textlink="">
      <xdr:nvSpPr>
        <xdr:cNvPr id="303" name="テキスト ボックス 302"/>
        <xdr:cNvSpPr txBox="1"/>
      </xdr:nvSpPr>
      <xdr:spPr>
        <a:xfrm>
          <a:off x="8561017" y="6696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31605</xdr:rowOff>
    </xdr:from>
    <xdr:to>
      <xdr:col>41</xdr:col>
      <xdr:colOff>50800</xdr:colOff>
      <xdr:row>37</xdr:row>
      <xdr:rowOff>46627</xdr:rowOff>
    </xdr:to>
    <xdr:cxnSp macro="">
      <xdr:nvCxnSpPr>
        <xdr:cNvPr id="304" name="直線コネクタ 303"/>
        <xdr:cNvCxnSpPr/>
      </xdr:nvCxnSpPr>
      <xdr:spPr>
        <a:xfrm flipV="1">
          <a:off x="6972300" y="6375255"/>
          <a:ext cx="889000" cy="15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5837</xdr:rowOff>
    </xdr:from>
    <xdr:to>
      <xdr:col>41</xdr:col>
      <xdr:colOff>101600</xdr:colOff>
      <xdr:row>39</xdr:row>
      <xdr:rowOff>5987</xdr:rowOff>
    </xdr:to>
    <xdr:sp macro="" textlink="">
      <xdr:nvSpPr>
        <xdr:cNvPr id="305" name="フローチャート: 判断 304"/>
        <xdr:cNvSpPr/>
      </xdr:nvSpPr>
      <xdr:spPr>
        <a:xfrm>
          <a:off x="7810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68564</xdr:rowOff>
    </xdr:from>
    <xdr:ext cx="378565" cy="259045"/>
    <xdr:sp macro="" textlink="">
      <xdr:nvSpPr>
        <xdr:cNvPr id="306" name="テキスト ボックス 305"/>
        <xdr:cNvSpPr txBox="1"/>
      </xdr:nvSpPr>
      <xdr:spPr>
        <a:xfrm>
          <a:off x="7672017" y="66836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4001</xdr:rowOff>
    </xdr:from>
    <xdr:to>
      <xdr:col>36</xdr:col>
      <xdr:colOff>165100</xdr:colOff>
      <xdr:row>39</xdr:row>
      <xdr:rowOff>14151</xdr:rowOff>
    </xdr:to>
    <xdr:sp macro="" textlink="">
      <xdr:nvSpPr>
        <xdr:cNvPr id="307" name="フローチャート: 判断 306"/>
        <xdr:cNvSpPr/>
      </xdr:nvSpPr>
      <xdr:spPr>
        <a:xfrm>
          <a:off x="6921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5278</xdr:rowOff>
    </xdr:from>
    <xdr:ext cx="378565" cy="259045"/>
    <xdr:sp macro="" textlink="">
      <xdr:nvSpPr>
        <xdr:cNvPr id="308" name="テキスト ボックス 307"/>
        <xdr:cNvSpPr txBox="1"/>
      </xdr:nvSpPr>
      <xdr:spPr>
        <a:xfrm>
          <a:off x="6783017" y="6691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4892</xdr:rowOff>
    </xdr:from>
    <xdr:to>
      <xdr:col>55</xdr:col>
      <xdr:colOff>50800</xdr:colOff>
      <xdr:row>38</xdr:row>
      <xdr:rowOff>126492</xdr:rowOff>
    </xdr:to>
    <xdr:sp macro="" textlink="">
      <xdr:nvSpPr>
        <xdr:cNvPr id="314" name="楕円 313"/>
        <xdr:cNvSpPr/>
      </xdr:nvSpPr>
      <xdr:spPr>
        <a:xfrm>
          <a:off x="10426700" y="6539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7769</xdr:rowOff>
    </xdr:from>
    <xdr:ext cx="378565" cy="259045"/>
    <xdr:sp macro="" textlink="">
      <xdr:nvSpPr>
        <xdr:cNvPr id="315" name="労働費該当値テキスト"/>
        <xdr:cNvSpPr txBox="1"/>
      </xdr:nvSpPr>
      <xdr:spPr>
        <a:xfrm>
          <a:off x="10528300" y="63914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28415</xdr:rowOff>
    </xdr:from>
    <xdr:to>
      <xdr:col>50</xdr:col>
      <xdr:colOff>165100</xdr:colOff>
      <xdr:row>38</xdr:row>
      <xdr:rowOff>58565</xdr:rowOff>
    </xdr:to>
    <xdr:sp macro="" textlink="">
      <xdr:nvSpPr>
        <xdr:cNvPr id="316" name="楕円 315"/>
        <xdr:cNvSpPr/>
      </xdr:nvSpPr>
      <xdr:spPr>
        <a:xfrm>
          <a:off x="9588500" y="6472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75092</xdr:rowOff>
    </xdr:from>
    <xdr:ext cx="378565" cy="259045"/>
    <xdr:sp macro="" textlink="">
      <xdr:nvSpPr>
        <xdr:cNvPr id="317" name="テキスト ボックス 316"/>
        <xdr:cNvSpPr txBox="1"/>
      </xdr:nvSpPr>
      <xdr:spPr>
        <a:xfrm>
          <a:off x="9450017" y="62472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24823</xdr:rowOff>
    </xdr:from>
    <xdr:to>
      <xdr:col>46</xdr:col>
      <xdr:colOff>38100</xdr:colOff>
      <xdr:row>38</xdr:row>
      <xdr:rowOff>54973</xdr:rowOff>
    </xdr:to>
    <xdr:sp macro="" textlink="">
      <xdr:nvSpPr>
        <xdr:cNvPr id="318" name="楕円 317"/>
        <xdr:cNvSpPr/>
      </xdr:nvSpPr>
      <xdr:spPr>
        <a:xfrm>
          <a:off x="8699500" y="6468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71500</xdr:rowOff>
    </xdr:from>
    <xdr:ext cx="378565" cy="259045"/>
    <xdr:sp macro="" textlink="">
      <xdr:nvSpPr>
        <xdr:cNvPr id="319" name="テキスト ボックス 318"/>
        <xdr:cNvSpPr txBox="1"/>
      </xdr:nvSpPr>
      <xdr:spPr>
        <a:xfrm>
          <a:off x="8561017" y="62437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52255</xdr:rowOff>
    </xdr:from>
    <xdr:to>
      <xdr:col>41</xdr:col>
      <xdr:colOff>101600</xdr:colOff>
      <xdr:row>37</xdr:row>
      <xdr:rowOff>82405</xdr:rowOff>
    </xdr:to>
    <xdr:sp macro="" textlink="">
      <xdr:nvSpPr>
        <xdr:cNvPr id="320" name="楕円 319"/>
        <xdr:cNvSpPr/>
      </xdr:nvSpPr>
      <xdr:spPr>
        <a:xfrm>
          <a:off x="7810500" y="632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98932</xdr:rowOff>
    </xdr:from>
    <xdr:ext cx="469744" cy="259045"/>
    <xdr:sp macro="" textlink="">
      <xdr:nvSpPr>
        <xdr:cNvPr id="321" name="テキスト ボックス 320"/>
        <xdr:cNvSpPr txBox="1"/>
      </xdr:nvSpPr>
      <xdr:spPr>
        <a:xfrm>
          <a:off x="7626428" y="6099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67277</xdr:rowOff>
    </xdr:from>
    <xdr:to>
      <xdr:col>36</xdr:col>
      <xdr:colOff>165100</xdr:colOff>
      <xdr:row>37</xdr:row>
      <xdr:rowOff>97427</xdr:rowOff>
    </xdr:to>
    <xdr:sp macro="" textlink="">
      <xdr:nvSpPr>
        <xdr:cNvPr id="322" name="楕円 321"/>
        <xdr:cNvSpPr/>
      </xdr:nvSpPr>
      <xdr:spPr>
        <a:xfrm>
          <a:off x="6921500" y="6339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113954</xdr:rowOff>
    </xdr:from>
    <xdr:ext cx="469744" cy="259045"/>
    <xdr:sp macro="" textlink="">
      <xdr:nvSpPr>
        <xdr:cNvPr id="323" name="テキスト ボックス 322"/>
        <xdr:cNvSpPr txBox="1"/>
      </xdr:nvSpPr>
      <xdr:spPr>
        <a:xfrm>
          <a:off x="6737428" y="6114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4638</xdr:rowOff>
    </xdr:from>
    <xdr:to>
      <xdr:col>54</xdr:col>
      <xdr:colOff>189865</xdr:colOff>
      <xdr:row>59</xdr:row>
      <xdr:rowOff>88363</xdr:rowOff>
    </xdr:to>
    <xdr:cxnSp macro="">
      <xdr:nvCxnSpPr>
        <xdr:cNvPr id="349" name="直線コネクタ 348"/>
        <xdr:cNvCxnSpPr/>
      </xdr:nvCxnSpPr>
      <xdr:spPr>
        <a:xfrm flipV="1">
          <a:off x="10475595" y="8637138"/>
          <a:ext cx="1270" cy="15667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2190</xdr:rowOff>
    </xdr:from>
    <xdr:ext cx="378565" cy="259045"/>
    <xdr:sp macro="" textlink="">
      <xdr:nvSpPr>
        <xdr:cNvPr id="350" name="農林水産業費最小値テキスト"/>
        <xdr:cNvSpPr txBox="1"/>
      </xdr:nvSpPr>
      <xdr:spPr>
        <a:xfrm>
          <a:off x="10528300" y="10207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8363</xdr:rowOff>
    </xdr:from>
    <xdr:to>
      <xdr:col>55</xdr:col>
      <xdr:colOff>88900</xdr:colOff>
      <xdr:row>59</xdr:row>
      <xdr:rowOff>88363</xdr:rowOff>
    </xdr:to>
    <xdr:cxnSp macro="">
      <xdr:nvCxnSpPr>
        <xdr:cNvPr id="351" name="直線コネクタ 350"/>
        <xdr:cNvCxnSpPr/>
      </xdr:nvCxnSpPr>
      <xdr:spPr>
        <a:xfrm>
          <a:off x="10388600" y="10203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315</xdr:rowOff>
    </xdr:from>
    <xdr:ext cx="534377" cy="259045"/>
    <xdr:sp macro="" textlink="">
      <xdr:nvSpPr>
        <xdr:cNvPr id="352" name="農林水産業費最大値テキスト"/>
        <xdr:cNvSpPr txBox="1"/>
      </xdr:nvSpPr>
      <xdr:spPr>
        <a:xfrm>
          <a:off x="10528300" y="8412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59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4638</xdr:rowOff>
    </xdr:from>
    <xdr:to>
      <xdr:col>55</xdr:col>
      <xdr:colOff>88900</xdr:colOff>
      <xdr:row>50</xdr:row>
      <xdr:rowOff>64638</xdr:rowOff>
    </xdr:to>
    <xdr:cxnSp macro="">
      <xdr:nvCxnSpPr>
        <xdr:cNvPr id="353" name="直線コネクタ 352"/>
        <xdr:cNvCxnSpPr/>
      </xdr:nvCxnSpPr>
      <xdr:spPr>
        <a:xfrm>
          <a:off x="10388600" y="8637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52146</xdr:rowOff>
    </xdr:from>
    <xdr:to>
      <xdr:col>55</xdr:col>
      <xdr:colOff>0</xdr:colOff>
      <xdr:row>59</xdr:row>
      <xdr:rowOff>63788</xdr:rowOff>
    </xdr:to>
    <xdr:cxnSp macro="">
      <xdr:nvCxnSpPr>
        <xdr:cNvPr id="354" name="直線コネクタ 353"/>
        <xdr:cNvCxnSpPr/>
      </xdr:nvCxnSpPr>
      <xdr:spPr>
        <a:xfrm>
          <a:off x="9639300" y="10167696"/>
          <a:ext cx="838200" cy="11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4427</xdr:rowOff>
    </xdr:from>
    <xdr:ext cx="469744" cy="259045"/>
    <xdr:sp macro="" textlink="">
      <xdr:nvSpPr>
        <xdr:cNvPr id="355" name="農林水産業費平均値テキスト"/>
        <xdr:cNvSpPr txBox="1"/>
      </xdr:nvSpPr>
      <xdr:spPr>
        <a:xfrm>
          <a:off x="10528300" y="98570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1550</xdr:rowOff>
    </xdr:from>
    <xdr:to>
      <xdr:col>55</xdr:col>
      <xdr:colOff>50800</xdr:colOff>
      <xdr:row>58</xdr:row>
      <xdr:rowOff>163150</xdr:rowOff>
    </xdr:to>
    <xdr:sp macro="" textlink="">
      <xdr:nvSpPr>
        <xdr:cNvPr id="356" name="フローチャート: 判断 355"/>
        <xdr:cNvSpPr/>
      </xdr:nvSpPr>
      <xdr:spPr>
        <a:xfrm>
          <a:off x="10426700" y="10005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52146</xdr:rowOff>
    </xdr:from>
    <xdr:to>
      <xdr:col>50</xdr:col>
      <xdr:colOff>114300</xdr:colOff>
      <xdr:row>59</xdr:row>
      <xdr:rowOff>55657</xdr:rowOff>
    </xdr:to>
    <xdr:cxnSp macro="">
      <xdr:nvCxnSpPr>
        <xdr:cNvPr id="357" name="直線コネクタ 356"/>
        <xdr:cNvCxnSpPr/>
      </xdr:nvCxnSpPr>
      <xdr:spPr>
        <a:xfrm flipV="1">
          <a:off x="8750300" y="10167696"/>
          <a:ext cx="889000" cy="3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63623</xdr:rowOff>
    </xdr:from>
    <xdr:to>
      <xdr:col>50</xdr:col>
      <xdr:colOff>165100</xdr:colOff>
      <xdr:row>58</xdr:row>
      <xdr:rowOff>165223</xdr:rowOff>
    </xdr:to>
    <xdr:sp macro="" textlink="">
      <xdr:nvSpPr>
        <xdr:cNvPr id="358" name="フローチャート: 判断 357"/>
        <xdr:cNvSpPr/>
      </xdr:nvSpPr>
      <xdr:spPr>
        <a:xfrm>
          <a:off x="95885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0300</xdr:rowOff>
    </xdr:from>
    <xdr:ext cx="469744" cy="259045"/>
    <xdr:sp macro="" textlink="">
      <xdr:nvSpPr>
        <xdr:cNvPr id="359" name="テキスト ボックス 358"/>
        <xdr:cNvSpPr txBox="1"/>
      </xdr:nvSpPr>
      <xdr:spPr>
        <a:xfrm>
          <a:off x="9404428" y="9782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55657</xdr:rowOff>
    </xdr:from>
    <xdr:to>
      <xdr:col>45</xdr:col>
      <xdr:colOff>177800</xdr:colOff>
      <xdr:row>59</xdr:row>
      <xdr:rowOff>60458</xdr:rowOff>
    </xdr:to>
    <xdr:cxnSp macro="">
      <xdr:nvCxnSpPr>
        <xdr:cNvPr id="360" name="直線コネクタ 359"/>
        <xdr:cNvCxnSpPr/>
      </xdr:nvCxnSpPr>
      <xdr:spPr>
        <a:xfrm flipV="1">
          <a:off x="7861300" y="10171207"/>
          <a:ext cx="889000" cy="4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6234</xdr:rowOff>
    </xdr:from>
    <xdr:to>
      <xdr:col>46</xdr:col>
      <xdr:colOff>38100</xdr:colOff>
      <xdr:row>58</xdr:row>
      <xdr:rowOff>147834</xdr:rowOff>
    </xdr:to>
    <xdr:sp macro="" textlink="">
      <xdr:nvSpPr>
        <xdr:cNvPr id="361" name="フローチャート: 判断 360"/>
        <xdr:cNvSpPr/>
      </xdr:nvSpPr>
      <xdr:spPr>
        <a:xfrm>
          <a:off x="8699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4361</xdr:rowOff>
    </xdr:from>
    <xdr:ext cx="534377" cy="259045"/>
    <xdr:sp macro="" textlink="">
      <xdr:nvSpPr>
        <xdr:cNvPr id="362" name="テキスト ボックス 361"/>
        <xdr:cNvSpPr txBox="1"/>
      </xdr:nvSpPr>
      <xdr:spPr>
        <a:xfrm>
          <a:off x="8483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60458</xdr:rowOff>
    </xdr:from>
    <xdr:to>
      <xdr:col>41</xdr:col>
      <xdr:colOff>50800</xdr:colOff>
      <xdr:row>59</xdr:row>
      <xdr:rowOff>71431</xdr:rowOff>
    </xdr:to>
    <xdr:cxnSp macro="">
      <xdr:nvCxnSpPr>
        <xdr:cNvPr id="363" name="直線コネクタ 362"/>
        <xdr:cNvCxnSpPr/>
      </xdr:nvCxnSpPr>
      <xdr:spPr>
        <a:xfrm flipV="1">
          <a:off x="6972300" y="10176008"/>
          <a:ext cx="889000" cy="10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3239</xdr:rowOff>
    </xdr:from>
    <xdr:to>
      <xdr:col>41</xdr:col>
      <xdr:colOff>101600</xdr:colOff>
      <xdr:row>58</xdr:row>
      <xdr:rowOff>154839</xdr:rowOff>
    </xdr:to>
    <xdr:sp macro="" textlink="">
      <xdr:nvSpPr>
        <xdr:cNvPr id="364" name="フローチャート: 判断 363"/>
        <xdr:cNvSpPr/>
      </xdr:nvSpPr>
      <xdr:spPr>
        <a:xfrm>
          <a:off x="7810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71366</xdr:rowOff>
    </xdr:from>
    <xdr:ext cx="534377" cy="259045"/>
    <xdr:sp macro="" textlink="">
      <xdr:nvSpPr>
        <xdr:cNvPr id="365" name="テキスト ボックス 364"/>
        <xdr:cNvSpPr txBox="1"/>
      </xdr:nvSpPr>
      <xdr:spPr>
        <a:xfrm>
          <a:off x="7594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2534</xdr:rowOff>
    </xdr:from>
    <xdr:to>
      <xdr:col>36</xdr:col>
      <xdr:colOff>165100</xdr:colOff>
      <xdr:row>58</xdr:row>
      <xdr:rowOff>134134</xdr:rowOff>
    </xdr:to>
    <xdr:sp macro="" textlink="">
      <xdr:nvSpPr>
        <xdr:cNvPr id="366" name="フローチャート: 判断 365"/>
        <xdr:cNvSpPr/>
      </xdr:nvSpPr>
      <xdr:spPr>
        <a:xfrm>
          <a:off x="6921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0661</xdr:rowOff>
    </xdr:from>
    <xdr:ext cx="534377" cy="259045"/>
    <xdr:sp macro="" textlink="">
      <xdr:nvSpPr>
        <xdr:cNvPr id="367" name="テキスト ボックス 366"/>
        <xdr:cNvSpPr txBox="1"/>
      </xdr:nvSpPr>
      <xdr:spPr>
        <a:xfrm>
          <a:off x="6705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2988</xdr:rowOff>
    </xdr:from>
    <xdr:to>
      <xdr:col>55</xdr:col>
      <xdr:colOff>50800</xdr:colOff>
      <xdr:row>59</xdr:row>
      <xdr:rowOff>114588</xdr:rowOff>
    </xdr:to>
    <xdr:sp macro="" textlink="">
      <xdr:nvSpPr>
        <xdr:cNvPr id="373" name="楕円 372"/>
        <xdr:cNvSpPr/>
      </xdr:nvSpPr>
      <xdr:spPr>
        <a:xfrm>
          <a:off x="10426700" y="10128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99365</xdr:rowOff>
    </xdr:from>
    <xdr:ext cx="469744" cy="259045"/>
    <xdr:sp macro="" textlink="">
      <xdr:nvSpPr>
        <xdr:cNvPr id="374" name="農林水産業費該当値テキスト"/>
        <xdr:cNvSpPr txBox="1"/>
      </xdr:nvSpPr>
      <xdr:spPr>
        <a:xfrm>
          <a:off x="10528300" y="10043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346</xdr:rowOff>
    </xdr:from>
    <xdr:to>
      <xdr:col>50</xdr:col>
      <xdr:colOff>165100</xdr:colOff>
      <xdr:row>59</xdr:row>
      <xdr:rowOff>102946</xdr:rowOff>
    </xdr:to>
    <xdr:sp macro="" textlink="">
      <xdr:nvSpPr>
        <xdr:cNvPr id="375" name="楕円 374"/>
        <xdr:cNvSpPr/>
      </xdr:nvSpPr>
      <xdr:spPr>
        <a:xfrm>
          <a:off x="9588500" y="10116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94073</xdr:rowOff>
    </xdr:from>
    <xdr:ext cx="469744" cy="259045"/>
    <xdr:sp macro="" textlink="">
      <xdr:nvSpPr>
        <xdr:cNvPr id="376" name="テキスト ボックス 375"/>
        <xdr:cNvSpPr txBox="1"/>
      </xdr:nvSpPr>
      <xdr:spPr>
        <a:xfrm>
          <a:off x="9404428" y="10209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4857</xdr:rowOff>
    </xdr:from>
    <xdr:to>
      <xdr:col>46</xdr:col>
      <xdr:colOff>38100</xdr:colOff>
      <xdr:row>59</xdr:row>
      <xdr:rowOff>106457</xdr:rowOff>
    </xdr:to>
    <xdr:sp macro="" textlink="">
      <xdr:nvSpPr>
        <xdr:cNvPr id="377" name="楕円 376"/>
        <xdr:cNvSpPr/>
      </xdr:nvSpPr>
      <xdr:spPr>
        <a:xfrm>
          <a:off x="8699500" y="10120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97584</xdr:rowOff>
    </xdr:from>
    <xdr:ext cx="469744" cy="259045"/>
    <xdr:sp macro="" textlink="">
      <xdr:nvSpPr>
        <xdr:cNvPr id="378" name="テキスト ボックス 377"/>
        <xdr:cNvSpPr txBox="1"/>
      </xdr:nvSpPr>
      <xdr:spPr>
        <a:xfrm>
          <a:off x="8515428" y="10213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9658</xdr:rowOff>
    </xdr:from>
    <xdr:to>
      <xdr:col>41</xdr:col>
      <xdr:colOff>101600</xdr:colOff>
      <xdr:row>59</xdr:row>
      <xdr:rowOff>111258</xdr:rowOff>
    </xdr:to>
    <xdr:sp macro="" textlink="">
      <xdr:nvSpPr>
        <xdr:cNvPr id="379" name="楕円 378"/>
        <xdr:cNvSpPr/>
      </xdr:nvSpPr>
      <xdr:spPr>
        <a:xfrm>
          <a:off x="7810500" y="10125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02385</xdr:rowOff>
    </xdr:from>
    <xdr:ext cx="469744" cy="259045"/>
    <xdr:sp macro="" textlink="">
      <xdr:nvSpPr>
        <xdr:cNvPr id="380" name="テキスト ボックス 379"/>
        <xdr:cNvSpPr txBox="1"/>
      </xdr:nvSpPr>
      <xdr:spPr>
        <a:xfrm>
          <a:off x="7626428" y="10217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20631</xdr:rowOff>
    </xdr:from>
    <xdr:to>
      <xdr:col>36</xdr:col>
      <xdr:colOff>165100</xdr:colOff>
      <xdr:row>59</xdr:row>
      <xdr:rowOff>122231</xdr:rowOff>
    </xdr:to>
    <xdr:sp macro="" textlink="">
      <xdr:nvSpPr>
        <xdr:cNvPr id="381" name="楕円 380"/>
        <xdr:cNvSpPr/>
      </xdr:nvSpPr>
      <xdr:spPr>
        <a:xfrm>
          <a:off x="6921500" y="10136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13358</xdr:rowOff>
    </xdr:from>
    <xdr:ext cx="469744" cy="259045"/>
    <xdr:sp macro="" textlink="">
      <xdr:nvSpPr>
        <xdr:cNvPr id="382" name="テキスト ボックス 381"/>
        <xdr:cNvSpPr txBox="1"/>
      </xdr:nvSpPr>
      <xdr:spPr>
        <a:xfrm>
          <a:off x="6737428" y="1022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4" name="テキスト ボックス 403"/>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55969</xdr:rowOff>
    </xdr:from>
    <xdr:to>
      <xdr:col>54</xdr:col>
      <xdr:colOff>189865</xdr:colOff>
      <xdr:row>79</xdr:row>
      <xdr:rowOff>8826</xdr:rowOff>
    </xdr:to>
    <xdr:cxnSp macro="">
      <xdr:nvCxnSpPr>
        <xdr:cNvPr id="406" name="直線コネクタ 405"/>
        <xdr:cNvCxnSpPr/>
      </xdr:nvCxnSpPr>
      <xdr:spPr>
        <a:xfrm flipV="1">
          <a:off x="10475595" y="11986019"/>
          <a:ext cx="1270" cy="15673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2653</xdr:rowOff>
    </xdr:from>
    <xdr:ext cx="378565" cy="259045"/>
    <xdr:sp macro="" textlink="">
      <xdr:nvSpPr>
        <xdr:cNvPr id="407" name="商工費最小値テキスト"/>
        <xdr:cNvSpPr txBox="1"/>
      </xdr:nvSpPr>
      <xdr:spPr>
        <a:xfrm>
          <a:off x="10528300" y="13557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826</xdr:rowOff>
    </xdr:from>
    <xdr:to>
      <xdr:col>55</xdr:col>
      <xdr:colOff>88900</xdr:colOff>
      <xdr:row>79</xdr:row>
      <xdr:rowOff>8826</xdr:rowOff>
    </xdr:to>
    <xdr:cxnSp macro="">
      <xdr:nvCxnSpPr>
        <xdr:cNvPr id="408" name="直線コネクタ 407"/>
        <xdr:cNvCxnSpPr/>
      </xdr:nvCxnSpPr>
      <xdr:spPr>
        <a:xfrm>
          <a:off x="10388600" y="1355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2646</xdr:rowOff>
    </xdr:from>
    <xdr:ext cx="534377" cy="259045"/>
    <xdr:sp macro="" textlink="">
      <xdr:nvSpPr>
        <xdr:cNvPr id="409" name="商工費最大値テキスト"/>
        <xdr:cNvSpPr txBox="1"/>
      </xdr:nvSpPr>
      <xdr:spPr>
        <a:xfrm>
          <a:off x="10528300" y="1176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07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55969</xdr:rowOff>
    </xdr:from>
    <xdr:to>
      <xdr:col>55</xdr:col>
      <xdr:colOff>88900</xdr:colOff>
      <xdr:row>69</xdr:row>
      <xdr:rowOff>155969</xdr:rowOff>
    </xdr:to>
    <xdr:cxnSp macro="">
      <xdr:nvCxnSpPr>
        <xdr:cNvPr id="410" name="直線コネクタ 409"/>
        <xdr:cNvCxnSpPr/>
      </xdr:nvCxnSpPr>
      <xdr:spPr>
        <a:xfrm>
          <a:off x="10388600" y="11986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52158</xdr:rowOff>
    </xdr:from>
    <xdr:to>
      <xdr:col>55</xdr:col>
      <xdr:colOff>0</xdr:colOff>
      <xdr:row>78</xdr:row>
      <xdr:rowOff>65291</xdr:rowOff>
    </xdr:to>
    <xdr:cxnSp macro="">
      <xdr:nvCxnSpPr>
        <xdr:cNvPr id="411" name="直線コネクタ 410"/>
        <xdr:cNvCxnSpPr/>
      </xdr:nvCxnSpPr>
      <xdr:spPr>
        <a:xfrm>
          <a:off x="9639300" y="13353808"/>
          <a:ext cx="838200" cy="84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421</xdr:rowOff>
    </xdr:from>
    <xdr:ext cx="469744" cy="259045"/>
    <xdr:sp macro="" textlink="">
      <xdr:nvSpPr>
        <xdr:cNvPr id="412" name="商工費平均値テキスト"/>
        <xdr:cNvSpPr txBox="1"/>
      </xdr:nvSpPr>
      <xdr:spPr>
        <a:xfrm>
          <a:off x="10528300" y="130336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1994</xdr:rowOff>
    </xdr:from>
    <xdr:to>
      <xdr:col>55</xdr:col>
      <xdr:colOff>50800</xdr:colOff>
      <xdr:row>77</xdr:row>
      <xdr:rowOff>82144</xdr:rowOff>
    </xdr:to>
    <xdr:sp macro="" textlink="">
      <xdr:nvSpPr>
        <xdr:cNvPr id="413" name="フローチャート: 判断 412"/>
        <xdr:cNvSpPr/>
      </xdr:nvSpPr>
      <xdr:spPr>
        <a:xfrm>
          <a:off x="10426700" y="1318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51358</xdr:rowOff>
    </xdr:from>
    <xdr:to>
      <xdr:col>50</xdr:col>
      <xdr:colOff>114300</xdr:colOff>
      <xdr:row>77</xdr:row>
      <xdr:rowOff>152158</xdr:rowOff>
    </xdr:to>
    <xdr:cxnSp macro="">
      <xdr:nvCxnSpPr>
        <xdr:cNvPr id="414" name="直線コネクタ 413"/>
        <xdr:cNvCxnSpPr/>
      </xdr:nvCxnSpPr>
      <xdr:spPr>
        <a:xfrm>
          <a:off x="8750300" y="13181558"/>
          <a:ext cx="889000" cy="172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470</xdr:rowOff>
    </xdr:from>
    <xdr:to>
      <xdr:col>50</xdr:col>
      <xdr:colOff>165100</xdr:colOff>
      <xdr:row>77</xdr:row>
      <xdr:rowOff>102070</xdr:rowOff>
    </xdr:to>
    <xdr:sp macro="" textlink="">
      <xdr:nvSpPr>
        <xdr:cNvPr id="415" name="フローチャート: 判断 414"/>
        <xdr:cNvSpPr/>
      </xdr:nvSpPr>
      <xdr:spPr>
        <a:xfrm>
          <a:off x="9588500" y="1320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18597</xdr:rowOff>
    </xdr:from>
    <xdr:ext cx="469744" cy="259045"/>
    <xdr:sp macro="" textlink="">
      <xdr:nvSpPr>
        <xdr:cNvPr id="416" name="テキスト ボックス 415"/>
        <xdr:cNvSpPr txBox="1"/>
      </xdr:nvSpPr>
      <xdr:spPr>
        <a:xfrm>
          <a:off x="9404428" y="12977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51358</xdr:rowOff>
    </xdr:from>
    <xdr:to>
      <xdr:col>45</xdr:col>
      <xdr:colOff>177800</xdr:colOff>
      <xdr:row>78</xdr:row>
      <xdr:rowOff>84570</xdr:rowOff>
    </xdr:to>
    <xdr:cxnSp macro="">
      <xdr:nvCxnSpPr>
        <xdr:cNvPr id="417" name="直線コネクタ 416"/>
        <xdr:cNvCxnSpPr/>
      </xdr:nvCxnSpPr>
      <xdr:spPr>
        <a:xfrm flipV="1">
          <a:off x="7861300" y="13181558"/>
          <a:ext cx="889000" cy="276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82462</xdr:rowOff>
    </xdr:from>
    <xdr:to>
      <xdr:col>46</xdr:col>
      <xdr:colOff>38100</xdr:colOff>
      <xdr:row>77</xdr:row>
      <xdr:rowOff>12612</xdr:rowOff>
    </xdr:to>
    <xdr:sp macro="" textlink="">
      <xdr:nvSpPr>
        <xdr:cNvPr id="418" name="フローチャート: 判断 417"/>
        <xdr:cNvSpPr/>
      </xdr:nvSpPr>
      <xdr:spPr>
        <a:xfrm>
          <a:off x="8699500" y="13112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29138</xdr:rowOff>
    </xdr:from>
    <xdr:ext cx="534377" cy="259045"/>
    <xdr:sp macro="" textlink="">
      <xdr:nvSpPr>
        <xdr:cNvPr id="419" name="テキスト ボックス 418"/>
        <xdr:cNvSpPr txBox="1"/>
      </xdr:nvSpPr>
      <xdr:spPr>
        <a:xfrm>
          <a:off x="8483111" y="12887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4570</xdr:rowOff>
    </xdr:from>
    <xdr:to>
      <xdr:col>41</xdr:col>
      <xdr:colOff>50800</xdr:colOff>
      <xdr:row>78</xdr:row>
      <xdr:rowOff>91770</xdr:rowOff>
    </xdr:to>
    <xdr:cxnSp macro="">
      <xdr:nvCxnSpPr>
        <xdr:cNvPr id="420" name="直線コネクタ 419"/>
        <xdr:cNvCxnSpPr/>
      </xdr:nvCxnSpPr>
      <xdr:spPr>
        <a:xfrm flipV="1">
          <a:off x="6972300" y="13457670"/>
          <a:ext cx="889000" cy="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5031</xdr:rowOff>
    </xdr:from>
    <xdr:to>
      <xdr:col>41</xdr:col>
      <xdr:colOff>101600</xdr:colOff>
      <xdr:row>78</xdr:row>
      <xdr:rowOff>5181</xdr:rowOff>
    </xdr:to>
    <xdr:sp macro="" textlink="">
      <xdr:nvSpPr>
        <xdr:cNvPr id="421" name="フローチャート: 判断 420"/>
        <xdr:cNvSpPr/>
      </xdr:nvSpPr>
      <xdr:spPr>
        <a:xfrm>
          <a:off x="7810500" y="13276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1708</xdr:rowOff>
    </xdr:from>
    <xdr:ext cx="469744" cy="259045"/>
    <xdr:sp macro="" textlink="">
      <xdr:nvSpPr>
        <xdr:cNvPr id="422" name="テキスト ボックス 421"/>
        <xdr:cNvSpPr txBox="1"/>
      </xdr:nvSpPr>
      <xdr:spPr>
        <a:xfrm>
          <a:off x="7626428" y="13051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9375</xdr:rowOff>
    </xdr:from>
    <xdr:to>
      <xdr:col>36</xdr:col>
      <xdr:colOff>165100</xdr:colOff>
      <xdr:row>78</xdr:row>
      <xdr:rowOff>9525</xdr:rowOff>
    </xdr:to>
    <xdr:sp macro="" textlink="">
      <xdr:nvSpPr>
        <xdr:cNvPr id="423" name="フローチャート: 判断 422"/>
        <xdr:cNvSpPr/>
      </xdr:nvSpPr>
      <xdr:spPr>
        <a:xfrm>
          <a:off x="6921500" y="13281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26052</xdr:rowOff>
    </xdr:from>
    <xdr:ext cx="469744" cy="259045"/>
    <xdr:sp macro="" textlink="">
      <xdr:nvSpPr>
        <xdr:cNvPr id="424" name="テキスト ボックス 423"/>
        <xdr:cNvSpPr txBox="1"/>
      </xdr:nvSpPr>
      <xdr:spPr>
        <a:xfrm>
          <a:off x="6737428" y="13056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491</xdr:rowOff>
    </xdr:from>
    <xdr:to>
      <xdr:col>55</xdr:col>
      <xdr:colOff>50800</xdr:colOff>
      <xdr:row>78</xdr:row>
      <xdr:rowOff>116091</xdr:rowOff>
    </xdr:to>
    <xdr:sp macro="" textlink="">
      <xdr:nvSpPr>
        <xdr:cNvPr id="430" name="楕円 429"/>
        <xdr:cNvSpPr/>
      </xdr:nvSpPr>
      <xdr:spPr>
        <a:xfrm>
          <a:off x="10426700" y="13387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0868</xdr:rowOff>
    </xdr:from>
    <xdr:ext cx="469744" cy="259045"/>
    <xdr:sp macro="" textlink="">
      <xdr:nvSpPr>
        <xdr:cNvPr id="431" name="商工費該当値テキスト"/>
        <xdr:cNvSpPr txBox="1"/>
      </xdr:nvSpPr>
      <xdr:spPr>
        <a:xfrm>
          <a:off x="10528300" y="13302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01358</xdr:rowOff>
    </xdr:from>
    <xdr:to>
      <xdr:col>50</xdr:col>
      <xdr:colOff>165100</xdr:colOff>
      <xdr:row>78</xdr:row>
      <xdr:rowOff>31508</xdr:rowOff>
    </xdr:to>
    <xdr:sp macro="" textlink="">
      <xdr:nvSpPr>
        <xdr:cNvPr id="432" name="楕円 431"/>
        <xdr:cNvSpPr/>
      </xdr:nvSpPr>
      <xdr:spPr>
        <a:xfrm>
          <a:off x="9588500" y="1330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22635</xdr:rowOff>
    </xdr:from>
    <xdr:ext cx="469744" cy="259045"/>
    <xdr:sp macro="" textlink="">
      <xdr:nvSpPr>
        <xdr:cNvPr id="433" name="テキスト ボックス 432"/>
        <xdr:cNvSpPr txBox="1"/>
      </xdr:nvSpPr>
      <xdr:spPr>
        <a:xfrm>
          <a:off x="9404428" y="13395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00558</xdr:rowOff>
    </xdr:from>
    <xdr:to>
      <xdr:col>46</xdr:col>
      <xdr:colOff>38100</xdr:colOff>
      <xdr:row>77</xdr:row>
      <xdr:rowOff>30708</xdr:rowOff>
    </xdr:to>
    <xdr:sp macro="" textlink="">
      <xdr:nvSpPr>
        <xdr:cNvPr id="434" name="楕円 433"/>
        <xdr:cNvSpPr/>
      </xdr:nvSpPr>
      <xdr:spPr>
        <a:xfrm>
          <a:off x="8699500" y="13130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21835</xdr:rowOff>
    </xdr:from>
    <xdr:ext cx="534377" cy="259045"/>
    <xdr:sp macro="" textlink="">
      <xdr:nvSpPr>
        <xdr:cNvPr id="435" name="テキスト ボックス 434"/>
        <xdr:cNvSpPr txBox="1"/>
      </xdr:nvSpPr>
      <xdr:spPr>
        <a:xfrm>
          <a:off x="8483111" y="13223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3770</xdr:rowOff>
    </xdr:from>
    <xdr:to>
      <xdr:col>41</xdr:col>
      <xdr:colOff>101600</xdr:colOff>
      <xdr:row>78</xdr:row>
      <xdr:rowOff>135370</xdr:rowOff>
    </xdr:to>
    <xdr:sp macro="" textlink="">
      <xdr:nvSpPr>
        <xdr:cNvPr id="436" name="楕円 435"/>
        <xdr:cNvSpPr/>
      </xdr:nvSpPr>
      <xdr:spPr>
        <a:xfrm>
          <a:off x="7810500" y="13406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26497</xdr:rowOff>
    </xdr:from>
    <xdr:ext cx="469744" cy="259045"/>
    <xdr:sp macro="" textlink="">
      <xdr:nvSpPr>
        <xdr:cNvPr id="437" name="テキスト ボックス 436"/>
        <xdr:cNvSpPr txBox="1"/>
      </xdr:nvSpPr>
      <xdr:spPr>
        <a:xfrm>
          <a:off x="7626428" y="13499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0970</xdr:rowOff>
    </xdr:from>
    <xdr:to>
      <xdr:col>36</xdr:col>
      <xdr:colOff>165100</xdr:colOff>
      <xdr:row>78</xdr:row>
      <xdr:rowOff>142570</xdr:rowOff>
    </xdr:to>
    <xdr:sp macro="" textlink="">
      <xdr:nvSpPr>
        <xdr:cNvPr id="438" name="楕円 437"/>
        <xdr:cNvSpPr/>
      </xdr:nvSpPr>
      <xdr:spPr>
        <a:xfrm>
          <a:off x="6921500" y="13414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33697</xdr:rowOff>
    </xdr:from>
    <xdr:ext cx="469744" cy="259045"/>
    <xdr:sp macro="" textlink="">
      <xdr:nvSpPr>
        <xdr:cNvPr id="439" name="テキスト ボックス 438"/>
        <xdr:cNvSpPr txBox="1"/>
      </xdr:nvSpPr>
      <xdr:spPr>
        <a:xfrm>
          <a:off x="6737428" y="13506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0012</xdr:rowOff>
    </xdr:from>
    <xdr:to>
      <xdr:col>54</xdr:col>
      <xdr:colOff>189865</xdr:colOff>
      <xdr:row>98</xdr:row>
      <xdr:rowOff>92380</xdr:rowOff>
    </xdr:to>
    <xdr:cxnSp macro="">
      <xdr:nvCxnSpPr>
        <xdr:cNvPr id="465" name="直線コネクタ 464"/>
        <xdr:cNvCxnSpPr/>
      </xdr:nvCxnSpPr>
      <xdr:spPr>
        <a:xfrm flipV="1">
          <a:off x="10475595" y="15651962"/>
          <a:ext cx="1270" cy="1242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6207</xdr:rowOff>
    </xdr:from>
    <xdr:ext cx="534377" cy="259045"/>
    <xdr:sp macro="" textlink="">
      <xdr:nvSpPr>
        <xdr:cNvPr id="466" name="土木費最小値テキスト"/>
        <xdr:cNvSpPr txBox="1"/>
      </xdr:nvSpPr>
      <xdr:spPr>
        <a:xfrm>
          <a:off x="10528300" y="1689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2380</xdr:rowOff>
    </xdr:from>
    <xdr:to>
      <xdr:col>55</xdr:col>
      <xdr:colOff>88900</xdr:colOff>
      <xdr:row>98</xdr:row>
      <xdr:rowOff>92380</xdr:rowOff>
    </xdr:to>
    <xdr:cxnSp macro="">
      <xdr:nvCxnSpPr>
        <xdr:cNvPr id="467" name="直線コネクタ 466"/>
        <xdr:cNvCxnSpPr/>
      </xdr:nvCxnSpPr>
      <xdr:spPr>
        <a:xfrm>
          <a:off x="10388600" y="1689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8139</xdr:rowOff>
    </xdr:from>
    <xdr:ext cx="599010" cy="259045"/>
    <xdr:sp macro="" textlink="">
      <xdr:nvSpPr>
        <xdr:cNvPr id="468" name="土木費最大値テキスト"/>
        <xdr:cNvSpPr txBox="1"/>
      </xdr:nvSpPr>
      <xdr:spPr>
        <a:xfrm>
          <a:off x="10528300" y="15427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4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0012</xdr:rowOff>
    </xdr:from>
    <xdr:to>
      <xdr:col>55</xdr:col>
      <xdr:colOff>88900</xdr:colOff>
      <xdr:row>91</xdr:row>
      <xdr:rowOff>50012</xdr:rowOff>
    </xdr:to>
    <xdr:cxnSp macro="">
      <xdr:nvCxnSpPr>
        <xdr:cNvPr id="469" name="直線コネクタ 468"/>
        <xdr:cNvCxnSpPr/>
      </xdr:nvCxnSpPr>
      <xdr:spPr>
        <a:xfrm>
          <a:off x="10388600" y="156519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36130</xdr:rowOff>
    </xdr:from>
    <xdr:to>
      <xdr:col>55</xdr:col>
      <xdr:colOff>0</xdr:colOff>
      <xdr:row>97</xdr:row>
      <xdr:rowOff>99009</xdr:rowOff>
    </xdr:to>
    <xdr:cxnSp macro="">
      <xdr:nvCxnSpPr>
        <xdr:cNvPr id="470" name="直線コネクタ 469"/>
        <xdr:cNvCxnSpPr/>
      </xdr:nvCxnSpPr>
      <xdr:spPr>
        <a:xfrm flipV="1">
          <a:off x="9639300" y="16595330"/>
          <a:ext cx="838200" cy="134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8757</xdr:rowOff>
    </xdr:from>
    <xdr:ext cx="534377" cy="259045"/>
    <xdr:sp macro="" textlink="">
      <xdr:nvSpPr>
        <xdr:cNvPr id="471" name="土木費平均値テキスト"/>
        <xdr:cNvSpPr txBox="1"/>
      </xdr:nvSpPr>
      <xdr:spPr>
        <a:xfrm>
          <a:off x="10528300" y="16537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0330</xdr:rowOff>
    </xdr:from>
    <xdr:to>
      <xdr:col>55</xdr:col>
      <xdr:colOff>50800</xdr:colOff>
      <xdr:row>97</xdr:row>
      <xdr:rowOff>30480</xdr:rowOff>
    </xdr:to>
    <xdr:sp macro="" textlink="">
      <xdr:nvSpPr>
        <xdr:cNvPr id="472" name="フローチャート: 判断 471"/>
        <xdr:cNvSpPr/>
      </xdr:nvSpPr>
      <xdr:spPr>
        <a:xfrm>
          <a:off x="10426700" y="1655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38703</xdr:rowOff>
    </xdr:from>
    <xdr:to>
      <xdr:col>50</xdr:col>
      <xdr:colOff>114300</xdr:colOff>
      <xdr:row>97</xdr:row>
      <xdr:rowOff>99009</xdr:rowOff>
    </xdr:to>
    <xdr:cxnSp macro="">
      <xdr:nvCxnSpPr>
        <xdr:cNvPr id="473" name="直線コネクタ 472"/>
        <xdr:cNvCxnSpPr/>
      </xdr:nvCxnSpPr>
      <xdr:spPr>
        <a:xfrm>
          <a:off x="8750300" y="16669353"/>
          <a:ext cx="889000" cy="60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1427</xdr:rowOff>
    </xdr:from>
    <xdr:to>
      <xdr:col>50</xdr:col>
      <xdr:colOff>165100</xdr:colOff>
      <xdr:row>97</xdr:row>
      <xdr:rowOff>51577</xdr:rowOff>
    </xdr:to>
    <xdr:sp macro="" textlink="">
      <xdr:nvSpPr>
        <xdr:cNvPr id="474" name="フローチャート: 判断 473"/>
        <xdr:cNvSpPr/>
      </xdr:nvSpPr>
      <xdr:spPr>
        <a:xfrm>
          <a:off x="9588500" y="16580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8104</xdr:rowOff>
    </xdr:from>
    <xdr:ext cx="534377" cy="259045"/>
    <xdr:sp macro="" textlink="">
      <xdr:nvSpPr>
        <xdr:cNvPr id="475" name="テキスト ボックス 474"/>
        <xdr:cNvSpPr txBox="1"/>
      </xdr:nvSpPr>
      <xdr:spPr>
        <a:xfrm>
          <a:off x="9372111" y="1635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38703</xdr:rowOff>
    </xdr:from>
    <xdr:to>
      <xdr:col>45</xdr:col>
      <xdr:colOff>177800</xdr:colOff>
      <xdr:row>97</xdr:row>
      <xdr:rowOff>104746</xdr:rowOff>
    </xdr:to>
    <xdr:cxnSp macro="">
      <xdr:nvCxnSpPr>
        <xdr:cNvPr id="476" name="直線コネクタ 475"/>
        <xdr:cNvCxnSpPr/>
      </xdr:nvCxnSpPr>
      <xdr:spPr>
        <a:xfrm flipV="1">
          <a:off x="7861300" y="16669353"/>
          <a:ext cx="889000" cy="66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7795</xdr:rowOff>
    </xdr:from>
    <xdr:to>
      <xdr:col>46</xdr:col>
      <xdr:colOff>38100</xdr:colOff>
      <xdr:row>97</xdr:row>
      <xdr:rowOff>57945</xdr:rowOff>
    </xdr:to>
    <xdr:sp macro="" textlink="">
      <xdr:nvSpPr>
        <xdr:cNvPr id="477" name="フローチャート: 判断 476"/>
        <xdr:cNvSpPr/>
      </xdr:nvSpPr>
      <xdr:spPr>
        <a:xfrm>
          <a:off x="86995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4472</xdr:rowOff>
    </xdr:from>
    <xdr:ext cx="534377" cy="259045"/>
    <xdr:sp macro="" textlink="">
      <xdr:nvSpPr>
        <xdr:cNvPr id="478" name="テキスト ボックス 477"/>
        <xdr:cNvSpPr txBox="1"/>
      </xdr:nvSpPr>
      <xdr:spPr>
        <a:xfrm>
          <a:off x="8483111" y="16362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2329</xdr:rowOff>
    </xdr:from>
    <xdr:to>
      <xdr:col>41</xdr:col>
      <xdr:colOff>50800</xdr:colOff>
      <xdr:row>97</xdr:row>
      <xdr:rowOff>104746</xdr:rowOff>
    </xdr:to>
    <xdr:cxnSp macro="">
      <xdr:nvCxnSpPr>
        <xdr:cNvPr id="479" name="直線コネクタ 478"/>
        <xdr:cNvCxnSpPr/>
      </xdr:nvCxnSpPr>
      <xdr:spPr>
        <a:xfrm>
          <a:off x="6972300" y="16732979"/>
          <a:ext cx="889000" cy="2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7843</xdr:rowOff>
    </xdr:from>
    <xdr:to>
      <xdr:col>41</xdr:col>
      <xdr:colOff>101600</xdr:colOff>
      <xdr:row>97</xdr:row>
      <xdr:rowOff>67993</xdr:rowOff>
    </xdr:to>
    <xdr:sp macro="" textlink="">
      <xdr:nvSpPr>
        <xdr:cNvPr id="480" name="フローチャート: 判断 479"/>
        <xdr:cNvSpPr/>
      </xdr:nvSpPr>
      <xdr:spPr>
        <a:xfrm>
          <a:off x="7810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4520</xdr:rowOff>
    </xdr:from>
    <xdr:ext cx="534377" cy="259045"/>
    <xdr:sp macro="" textlink="">
      <xdr:nvSpPr>
        <xdr:cNvPr id="481" name="テキスト ボックス 480"/>
        <xdr:cNvSpPr txBox="1"/>
      </xdr:nvSpPr>
      <xdr:spPr>
        <a:xfrm>
          <a:off x="7594111" y="16372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656</xdr:rowOff>
    </xdr:from>
    <xdr:to>
      <xdr:col>36</xdr:col>
      <xdr:colOff>165100</xdr:colOff>
      <xdr:row>97</xdr:row>
      <xdr:rowOff>59806</xdr:rowOff>
    </xdr:to>
    <xdr:sp macro="" textlink="">
      <xdr:nvSpPr>
        <xdr:cNvPr id="482" name="フローチャート: 判断 481"/>
        <xdr:cNvSpPr/>
      </xdr:nvSpPr>
      <xdr:spPr>
        <a:xfrm>
          <a:off x="6921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6333</xdr:rowOff>
    </xdr:from>
    <xdr:ext cx="534377" cy="259045"/>
    <xdr:sp macro="" textlink="">
      <xdr:nvSpPr>
        <xdr:cNvPr id="483" name="テキスト ボックス 482"/>
        <xdr:cNvSpPr txBox="1"/>
      </xdr:nvSpPr>
      <xdr:spPr>
        <a:xfrm>
          <a:off x="6705111" y="16364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5330</xdr:rowOff>
    </xdr:from>
    <xdr:to>
      <xdr:col>55</xdr:col>
      <xdr:colOff>50800</xdr:colOff>
      <xdr:row>97</xdr:row>
      <xdr:rowOff>15480</xdr:rowOff>
    </xdr:to>
    <xdr:sp macro="" textlink="">
      <xdr:nvSpPr>
        <xdr:cNvPr id="489" name="楕円 488"/>
        <xdr:cNvSpPr/>
      </xdr:nvSpPr>
      <xdr:spPr>
        <a:xfrm>
          <a:off x="10426700" y="16544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08207</xdr:rowOff>
    </xdr:from>
    <xdr:ext cx="534377" cy="259045"/>
    <xdr:sp macro="" textlink="">
      <xdr:nvSpPr>
        <xdr:cNvPr id="490" name="土木費該当値テキスト"/>
        <xdr:cNvSpPr txBox="1"/>
      </xdr:nvSpPr>
      <xdr:spPr>
        <a:xfrm>
          <a:off x="10528300" y="1639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8209</xdr:rowOff>
    </xdr:from>
    <xdr:to>
      <xdr:col>50</xdr:col>
      <xdr:colOff>165100</xdr:colOff>
      <xdr:row>97</xdr:row>
      <xdr:rowOff>149809</xdr:rowOff>
    </xdr:to>
    <xdr:sp macro="" textlink="">
      <xdr:nvSpPr>
        <xdr:cNvPr id="491" name="楕円 490"/>
        <xdr:cNvSpPr/>
      </xdr:nvSpPr>
      <xdr:spPr>
        <a:xfrm>
          <a:off x="9588500" y="16678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0936</xdr:rowOff>
    </xdr:from>
    <xdr:ext cx="534377" cy="259045"/>
    <xdr:sp macro="" textlink="">
      <xdr:nvSpPr>
        <xdr:cNvPr id="492" name="テキスト ボックス 491"/>
        <xdr:cNvSpPr txBox="1"/>
      </xdr:nvSpPr>
      <xdr:spPr>
        <a:xfrm>
          <a:off x="9372111" y="1677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59353</xdr:rowOff>
    </xdr:from>
    <xdr:to>
      <xdr:col>46</xdr:col>
      <xdr:colOff>38100</xdr:colOff>
      <xdr:row>97</xdr:row>
      <xdr:rowOff>89503</xdr:rowOff>
    </xdr:to>
    <xdr:sp macro="" textlink="">
      <xdr:nvSpPr>
        <xdr:cNvPr id="493" name="楕円 492"/>
        <xdr:cNvSpPr/>
      </xdr:nvSpPr>
      <xdr:spPr>
        <a:xfrm>
          <a:off x="8699500" y="16618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0630</xdr:rowOff>
    </xdr:from>
    <xdr:ext cx="534377" cy="259045"/>
    <xdr:sp macro="" textlink="">
      <xdr:nvSpPr>
        <xdr:cNvPr id="494" name="テキスト ボックス 493"/>
        <xdr:cNvSpPr txBox="1"/>
      </xdr:nvSpPr>
      <xdr:spPr>
        <a:xfrm>
          <a:off x="8483111" y="16711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3946</xdr:rowOff>
    </xdr:from>
    <xdr:to>
      <xdr:col>41</xdr:col>
      <xdr:colOff>101600</xdr:colOff>
      <xdr:row>97</xdr:row>
      <xdr:rowOff>155546</xdr:rowOff>
    </xdr:to>
    <xdr:sp macro="" textlink="">
      <xdr:nvSpPr>
        <xdr:cNvPr id="495" name="楕円 494"/>
        <xdr:cNvSpPr/>
      </xdr:nvSpPr>
      <xdr:spPr>
        <a:xfrm>
          <a:off x="7810500" y="16684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46673</xdr:rowOff>
    </xdr:from>
    <xdr:ext cx="534377" cy="259045"/>
    <xdr:sp macro="" textlink="">
      <xdr:nvSpPr>
        <xdr:cNvPr id="496" name="テキスト ボックス 495"/>
        <xdr:cNvSpPr txBox="1"/>
      </xdr:nvSpPr>
      <xdr:spPr>
        <a:xfrm>
          <a:off x="7594111" y="16777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1529</xdr:rowOff>
    </xdr:from>
    <xdr:to>
      <xdr:col>36</xdr:col>
      <xdr:colOff>165100</xdr:colOff>
      <xdr:row>97</xdr:row>
      <xdr:rowOff>153129</xdr:rowOff>
    </xdr:to>
    <xdr:sp macro="" textlink="">
      <xdr:nvSpPr>
        <xdr:cNvPr id="497" name="楕円 496"/>
        <xdr:cNvSpPr/>
      </xdr:nvSpPr>
      <xdr:spPr>
        <a:xfrm>
          <a:off x="6921500" y="16682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4256</xdr:rowOff>
    </xdr:from>
    <xdr:ext cx="534377" cy="259045"/>
    <xdr:sp macro="" textlink="">
      <xdr:nvSpPr>
        <xdr:cNvPr id="498" name="テキスト ボックス 497"/>
        <xdr:cNvSpPr txBox="1"/>
      </xdr:nvSpPr>
      <xdr:spPr>
        <a:xfrm>
          <a:off x="6705111" y="16774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9" name="テキスト ボックス 508"/>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0" name="直線コネクタ 509"/>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11" name="テキスト ボックス 510"/>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2" name="直線コネクタ 511"/>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3" name="テキスト ボックス 512"/>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4" name="直線コネクタ 513"/>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5" name="テキスト ボックス 514"/>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6" name="直線コネクタ 515"/>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7" name="テキスト ボックス 516"/>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8" name="直線コネクタ 517"/>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9" name="テキスト ボックス 518"/>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9441</xdr:rowOff>
    </xdr:from>
    <xdr:to>
      <xdr:col>85</xdr:col>
      <xdr:colOff>126364</xdr:colOff>
      <xdr:row>39</xdr:row>
      <xdr:rowOff>37440</xdr:rowOff>
    </xdr:to>
    <xdr:cxnSp macro="">
      <xdr:nvCxnSpPr>
        <xdr:cNvPr id="523" name="直線コネクタ 522"/>
        <xdr:cNvCxnSpPr/>
      </xdr:nvCxnSpPr>
      <xdr:spPr>
        <a:xfrm flipV="1">
          <a:off x="16317595" y="5364391"/>
          <a:ext cx="1269" cy="1359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1267</xdr:rowOff>
    </xdr:from>
    <xdr:ext cx="534377" cy="259045"/>
    <xdr:sp macro="" textlink="">
      <xdr:nvSpPr>
        <xdr:cNvPr id="524" name="消防費最小値テキスト"/>
        <xdr:cNvSpPr txBox="1"/>
      </xdr:nvSpPr>
      <xdr:spPr>
        <a:xfrm>
          <a:off x="16370300" y="6727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7440</xdr:rowOff>
    </xdr:from>
    <xdr:to>
      <xdr:col>86</xdr:col>
      <xdr:colOff>25400</xdr:colOff>
      <xdr:row>39</xdr:row>
      <xdr:rowOff>37440</xdr:rowOff>
    </xdr:to>
    <xdr:cxnSp macro="">
      <xdr:nvCxnSpPr>
        <xdr:cNvPr id="525" name="直線コネクタ 524"/>
        <xdr:cNvCxnSpPr/>
      </xdr:nvCxnSpPr>
      <xdr:spPr>
        <a:xfrm>
          <a:off x="16230600" y="6723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7568</xdr:rowOff>
    </xdr:from>
    <xdr:ext cx="534377" cy="259045"/>
    <xdr:sp macro="" textlink="">
      <xdr:nvSpPr>
        <xdr:cNvPr id="526" name="消防費最大値テキスト"/>
        <xdr:cNvSpPr txBox="1"/>
      </xdr:nvSpPr>
      <xdr:spPr>
        <a:xfrm>
          <a:off x="16370300" y="5139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8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9441</xdr:rowOff>
    </xdr:from>
    <xdr:to>
      <xdr:col>86</xdr:col>
      <xdr:colOff>25400</xdr:colOff>
      <xdr:row>31</xdr:row>
      <xdr:rowOff>49441</xdr:rowOff>
    </xdr:to>
    <xdr:cxnSp macro="">
      <xdr:nvCxnSpPr>
        <xdr:cNvPr id="527" name="直線コネクタ 526"/>
        <xdr:cNvCxnSpPr/>
      </xdr:nvCxnSpPr>
      <xdr:spPr>
        <a:xfrm>
          <a:off x="16230600" y="5364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42316</xdr:rowOff>
    </xdr:from>
    <xdr:to>
      <xdr:col>85</xdr:col>
      <xdr:colOff>127000</xdr:colOff>
      <xdr:row>38</xdr:row>
      <xdr:rowOff>93752</xdr:rowOff>
    </xdr:to>
    <xdr:cxnSp macro="">
      <xdr:nvCxnSpPr>
        <xdr:cNvPr id="528" name="直線コネクタ 527"/>
        <xdr:cNvCxnSpPr/>
      </xdr:nvCxnSpPr>
      <xdr:spPr>
        <a:xfrm flipV="1">
          <a:off x="15481300" y="6557416"/>
          <a:ext cx="8382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08767</xdr:rowOff>
    </xdr:from>
    <xdr:ext cx="534377" cy="259045"/>
    <xdr:sp macro="" textlink="">
      <xdr:nvSpPr>
        <xdr:cNvPr id="529" name="消防費平均値テキスト"/>
        <xdr:cNvSpPr txBox="1"/>
      </xdr:nvSpPr>
      <xdr:spPr>
        <a:xfrm>
          <a:off x="16370300" y="62809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5890</xdr:rowOff>
    </xdr:from>
    <xdr:to>
      <xdr:col>85</xdr:col>
      <xdr:colOff>177800</xdr:colOff>
      <xdr:row>38</xdr:row>
      <xdr:rowOff>16040</xdr:rowOff>
    </xdr:to>
    <xdr:sp macro="" textlink="">
      <xdr:nvSpPr>
        <xdr:cNvPr id="530" name="フローチャート: 判断 529"/>
        <xdr:cNvSpPr/>
      </xdr:nvSpPr>
      <xdr:spPr>
        <a:xfrm>
          <a:off x="16268700" y="642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39992</xdr:rowOff>
    </xdr:from>
    <xdr:to>
      <xdr:col>81</xdr:col>
      <xdr:colOff>50800</xdr:colOff>
      <xdr:row>38</xdr:row>
      <xdr:rowOff>93752</xdr:rowOff>
    </xdr:to>
    <xdr:cxnSp macro="">
      <xdr:nvCxnSpPr>
        <xdr:cNvPr id="531" name="直線コネクタ 530"/>
        <xdr:cNvCxnSpPr/>
      </xdr:nvCxnSpPr>
      <xdr:spPr>
        <a:xfrm>
          <a:off x="14592300" y="6555092"/>
          <a:ext cx="889000" cy="53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69469</xdr:rowOff>
    </xdr:from>
    <xdr:to>
      <xdr:col>81</xdr:col>
      <xdr:colOff>101600</xdr:colOff>
      <xdr:row>37</xdr:row>
      <xdr:rowOff>171069</xdr:rowOff>
    </xdr:to>
    <xdr:sp macro="" textlink="">
      <xdr:nvSpPr>
        <xdr:cNvPr id="532" name="フローチャート: 判断 531"/>
        <xdr:cNvSpPr/>
      </xdr:nvSpPr>
      <xdr:spPr>
        <a:xfrm>
          <a:off x="15430500" y="6413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6146</xdr:rowOff>
    </xdr:from>
    <xdr:ext cx="534377" cy="259045"/>
    <xdr:sp macro="" textlink="">
      <xdr:nvSpPr>
        <xdr:cNvPr id="533" name="テキスト ボックス 532"/>
        <xdr:cNvSpPr txBox="1"/>
      </xdr:nvSpPr>
      <xdr:spPr>
        <a:xfrm>
          <a:off x="15214111" y="6188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39992</xdr:rowOff>
    </xdr:from>
    <xdr:to>
      <xdr:col>76</xdr:col>
      <xdr:colOff>114300</xdr:colOff>
      <xdr:row>38</xdr:row>
      <xdr:rowOff>99885</xdr:rowOff>
    </xdr:to>
    <xdr:cxnSp macro="">
      <xdr:nvCxnSpPr>
        <xdr:cNvPr id="534" name="直線コネクタ 533"/>
        <xdr:cNvCxnSpPr/>
      </xdr:nvCxnSpPr>
      <xdr:spPr>
        <a:xfrm flipV="1">
          <a:off x="13703300" y="6555092"/>
          <a:ext cx="889000" cy="59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7046</xdr:rowOff>
    </xdr:from>
    <xdr:to>
      <xdr:col>76</xdr:col>
      <xdr:colOff>165100</xdr:colOff>
      <xdr:row>37</xdr:row>
      <xdr:rowOff>138646</xdr:rowOff>
    </xdr:to>
    <xdr:sp macro="" textlink="">
      <xdr:nvSpPr>
        <xdr:cNvPr id="535" name="フローチャート: 判断 534"/>
        <xdr:cNvSpPr/>
      </xdr:nvSpPr>
      <xdr:spPr>
        <a:xfrm>
          <a:off x="14541500" y="638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55173</xdr:rowOff>
    </xdr:from>
    <xdr:ext cx="534377" cy="259045"/>
    <xdr:sp macro="" textlink="">
      <xdr:nvSpPr>
        <xdr:cNvPr id="536" name="テキスト ボックス 535"/>
        <xdr:cNvSpPr txBox="1"/>
      </xdr:nvSpPr>
      <xdr:spPr>
        <a:xfrm>
          <a:off x="14325111" y="6155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99885</xdr:rowOff>
    </xdr:from>
    <xdr:to>
      <xdr:col>71</xdr:col>
      <xdr:colOff>177800</xdr:colOff>
      <xdr:row>38</xdr:row>
      <xdr:rowOff>137871</xdr:rowOff>
    </xdr:to>
    <xdr:cxnSp macro="">
      <xdr:nvCxnSpPr>
        <xdr:cNvPr id="537" name="直線コネクタ 536"/>
        <xdr:cNvCxnSpPr/>
      </xdr:nvCxnSpPr>
      <xdr:spPr>
        <a:xfrm flipV="1">
          <a:off x="12814300" y="6614985"/>
          <a:ext cx="889000" cy="37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54686</xdr:rowOff>
    </xdr:from>
    <xdr:to>
      <xdr:col>72</xdr:col>
      <xdr:colOff>38100</xdr:colOff>
      <xdr:row>37</xdr:row>
      <xdr:rowOff>156286</xdr:rowOff>
    </xdr:to>
    <xdr:sp macro="" textlink="">
      <xdr:nvSpPr>
        <xdr:cNvPr id="538" name="フローチャート: 判断 537"/>
        <xdr:cNvSpPr/>
      </xdr:nvSpPr>
      <xdr:spPr>
        <a:xfrm>
          <a:off x="13652500" y="6398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363</xdr:rowOff>
    </xdr:from>
    <xdr:ext cx="534377" cy="259045"/>
    <xdr:sp macro="" textlink="">
      <xdr:nvSpPr>
        <xdr:cNvPr id="539" name="テキスト ボックス 538"/>
        <xdr:cNvSpPr txBox="1"/>
      </xdr:nvSpPr>
      <xdr:spPr>
        <a:xfrm>
          <a:off x="13436111" y="6173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7432</xdr:rowOff>
    </xdr:from>
    <xdr:to>
      <xdr:col>67</xdr:col>
      <xdr:colOff>101600</xdr:colOff>
      <xdr:row>38</xdr:row>
      <xdr:rowOff>7582</xdr:rowOff>
    </xdr:to>
    <xdr:sp macro="" textlink="">
      <xdr:nvSpPr>
        <xdr:cNvPr id="540" name="フローチャート: 判断 539"/>
        <xdr:cNvSpPr/>
      </xdr:nvSpPr>
      <xdr:spPr>
        <a:xfrm>
          <a:off x="12763500" y="6421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24109</xdr:rowOff>
    </xdr:from>
    <xdr:ext cx="534377" cy="259045"/>
    <xdr:sp macro="" textlink="">
      <xdr:nvSpPr>
        <xdr:cNvPr id="541" name="テキスト ボックス 540"/>
        <xdr:cNvSpPr txBox="1"/>
      </xdr:nvSpPr>
      <xdr:spPr>
        <a:xfrm>
          <a:off x="12547111" y="6196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2966</xdr:rowOff>
    </xdr:from>
    <xdr:to>
      <xdr:col>85</xdr:col>
      <xdr:colOff>177800</xdr:colOff>
      <xdr:row>38</xdr:row>
      <xdr:rowOff>93116</xdr:rowOff>
    </xdr:to>
    <xdr:sp macro="" textlink="">
      <xdr:nvSpPr>
        <xdr:cNvPr id="547" name="楕円 546"/>
        <xdr:cNvSpPr/>
      </xdr:nvSpPr>
      <xdr:spPr>
        <a:xfrm>
          <a:off x="16268700" y="6506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41393</xdr:rowOff>
    </xdr:from>
    <xdr:ext cx="534377" cy="259045"/>
    <xdr:sp macro="" textlink="">
      <xdr:nvSpPr>
        <xdr:cNvPr id="548" name="消防費該当値テキスト"/>
        <xdr:cNvSpPr txBox="1"/>
      </xdr:nvSpPr>
      <xdr:spPr>
        <a:xfrm>
          <a:off x="16370300" y="6485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42952</xdr:rowOff>
    </xdr:from>
    <xdr:to>
      <xdr:col>81</xdr:col>
      <xdr:colOff>101600</xdr:colOff>
      <xdr:row>38</xdr:row>
      <xdr:rowOff>144552</xdr:rowOff>
    </xdr:to>
    <xdr:sp macro="" textlink="">
      <xdr:nvSpPr>
        <xdr:cNvPr id="549" name="楕円 548"/>
        <xdr:cNvSpPr/>
      </xdr:nvSpPr>
      <xdr:spPr>
        <a:xfrm>
          <a:off x="15430500" y="6558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35679</xdr:rowOff>
    </xdr:from>
    <xdr:ext cx="534377" cy="259045"/>
    <xdr:sp macro="" textlink="">
      <xdr:nvSpPr>
        <xdr:cNvPr id="550" name="テキスト ボックス 549"/>
        <xdr:cNvSpPr txBox="1"/>
      </xdr:nvSpPr>
      <xdr:spPr>
        <a:xfrm>
          <a:off x="15214111" y="6650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60642</xdr:rowOff>
    </xdr:from>
    <xdr:to>
      <xdr:col>76</xdr:col>
      <xdr:colOff>165100</xdr:colOff>
      <xdr:row>38</xdr:row>
      <xdr:rowOff>90792</xdr:rowOff>
    </xdr:to>
    <xdr:sp macro="" textlink="">
      <xdr:nvSpPr>
        <xdr:cNvPr id="551" name="楕円 550"/>
        <xdr:cNvSpPr/>
      </xdr:nvSpPr>
      <xdr:spPr>
        <a:xfrm>
          <a:off x="14541500" y="6504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81919</xdr:rowOff>
    </xdr:from>
    <xdr:ext cx="534377" cy="259045"/>
    <xdr:sp macro="" textlink="">
      <xdr:nvSpPr>
        <xdr:cNvPr id="552" name="テキスト ボックス 551"/>
        <xdr:cNvSpPr txBox="1"/>
      </xdr:nvSpPr>
      <xdr:spPr>
        <a:xfrm>
          <a:off x="14325111" y="6597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49085</xdr:rowOff>
    </xdr:from>
    <xdr:to>
      <xdr:col>72</xdr:col>
      <xdr:colOff>38100</xdr:colOff>
      <xdr:row>38</xdr:row>
      <xdr:rowOff>150685</xdr:rowOff>
    </xdr:to>
    <xdr:sp macro="" textlink="">
      <xdr:nvSpPr>
        <xdr:cNvPr id="553" name="楕円 552"/>
        <xdr:cNvSpPr/>
      </xdr:nvSpPr>
      <xdr:spPr>
        <a:xfrm>
          <a:off x="13652500" y="6564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41812</xdr:rowOff>
    </xdr:from>
    <xdr:ext cx="534377" cy="259045"/>
    <xdr:sp macro="" textlink="">
      <xdr:nvSpPr>
        <xdr:cNvPr id="554" name="テキスト ボックス 553"/>
        <xdr:cNvSpPr txBox="1"/>
      </xdr:nvSpPr>
      <xdr:spPr>
        <a:xfrm>
          <a:off x="13436111" y="6656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7071</xdr:rowOff>
    </xdr:from>
    <xdr:to>
      <xdr:col>67</xdr:col>
      <xdr:colOff>101600</xdr:colOff>
      <xdr:row>39</xdr:row>
      <xdr:rowOff>17221</xdr:rowOff>
    </xdr:to>
    <xdr:sp macro="" textlink="">
      <xdr:nvSpPr>
        <xdr:cNvPr id="555" name="楕円 554"/>
        <xdr:cNvSpPr/>
      </xdr:nvSpPr>
      <xdr:spPr>
        <a:xfrm>
          <a:off x="12763500" y="6602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9</xdr:row>
      <xdr:rowOff>8348</xdr:rowOff>
    </xdr:from>
    <xdr:ext cx="534377" cy="259045"/>
    <xdr:sp macro="" textlink="">
      <xdr:nvSpPr>
        <xdr:cNvPr id="556" name="テキスト ボックス 555"/>
        <xdr:cNvSpPr txBox="1"/>
      </xdr:nvSpPr>
      <xdr:spPr>
        <a:xfrm>
          <a:off x="12547111" y="6694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7" name="テキスト ボックス 566"/>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8" name="直線コネクタ 567"/>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9" name="テキスト ボックス 568"/>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0" name="直線コネクタ 569"/>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1" name="テキスト ボックス 570"/>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2" name="直線コネクタ 571"/>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3" name="テキスト ボックス 572"/>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4" name="直線コネクタ 573"/>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5" name="テキスト ボックス 574"/>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6" name="直線コネクタ 575"/>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7" name="テキスト ボックス 576"/>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8" name="直線コネクタ 577"/>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9" name="テキスト ボックス 578"/>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0" name="直線コネクタ 57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1" name="テキスト ボックス 580"/>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7969</xdr:rowOff>
    </xdr:from>
    <xdr:to>
      <xdr:col>85</xdr:col>
      <xdr:colOff>126364</xdr:colOff>
      <xdr:row>59</xdr:row>
      <xdr:rowOff>9610</xdr:rowOff>
    </xdr:to>
    <xdr:cxnSp macro="">
      <xdr:nvCxnSpPr>
        <xdr:cNvPr id="583" name="直線コネクタ 582"/>
        <xdr:cNvCxnSpPr/>
      </xdr:nvCxnSpPr>
      <xdr:spPr>
        <a:xfrm flipV="1">
          <a:off x="16317595" y="8710469"/>
          <a:ext cx="1269" cy="1414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3437</xdr:rowOff>
    </xdr:from>
    <xdr:ext cx="534377" cy="259045"/>
    <xdr:sp macro="" textlink="">
      <xdr:nvSpPr>
        <xdr:cNvPr id="584" name="教育費最小値テキスト"/>
        <xdr:cNvSpPr txBox="1"/>
      </xdr:nvSpPr>
      <xdr:spPr>
        <a:xfrm>
          <a:off x="16370300" y="10128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9610</xdr:rowOff>
    </xdr:from>
    <xdr:to>
      <xdr:col>86</xdr:col>
      <xdr:colOff>25400</xdr:colOff>
      <xdr:row>59</xdr:row>
      <xdr:rowOff>9610</xdr:rowOff>
    </xdr:to>
    <xdr:cxnSp macro="">
      <xdr:nvCxnSpPr>
        <xdr:cNvPr id="585" name="直線コネクタ 584"/>
        <xdr:cNvCxnSpPr/>
      </xdr:nvCxnSpPr>
      <xdr:spPr>
        <a:xfrm>
          <a:off x="16230600" y="1012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84646</xdr:rowOff>
    </xdr:from>
    <xdr:ext cx="599010" cy="259045"/>
    <xdr:sp macro="" textlink="">
      <xdr:nvSpPr>
        <xdr:cNvPr id="586" name="教育費最大値テキスト"/>
        <xdr:cNvSpPr txBox="1"/>
      </xdr:nvSpPr>
      <xdr:spPr>
        <a:xfrm>
          <a:off x="16370300" y="8485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10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7969</xdr:rowOff>
    </xdr:from>
    <xdr:to>
      <xdr:col>86</xdr:col>
      <xdr:colOff>25400</xdr:colOff>
      <xdr:row>50</xdr:row>
      <xdr:rowOff>137969</xdr:rowOff>
    </xdr:to>
    <xdr:cxnSp macro="">
      <xdr:nvCxnSpPr>
        <xdr:cNvPr id="587" name="直線コネクタ 586"/>
        <xdr:cNvCxnSpPr/>
      </xdr:nvCxnSpPr>
      <xdr:spPr>
        <a:xfrm>
          <a:off x="16230600" y="87104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16301</xdr:rowOff>
    </xdr:from>
    <xdr:to>
      <xdr:col>85</xdr:col>
      <xdr:colOff>127000</xdr:colOff>
      <xdr:row>58</xdr:row>
      <xdr:rowOff>96250</xdr:rowOff>
    </xdr:to>
    <xdr:cxnSp macro="">
      <xdr:nvCxnSpPr>
        <xdr:cNvPr id="588" name="直線コネクタ 587"/>
        <xdr:cNvCxnSpPr/>
      </xdr:nvCxnSpPr>
      <xdr:spPr>
        <a:xfrm flipV="1">
          <a:off x="15481300" y="9888951"/>
          <a:ext cx="838200" cy="151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9603</xdr:rowOff>
    </xdr:from>
    <xdr:ext cx="534377" cy="259045"/>
    <xdr:sp macro="" textlink="">
      <xdr:nvSpPr>
        <xdr:cNvPr id="589" name="教育費平均値テキスト"/>
        <xdr:cNvSpPr txBox="1"/>
      </xdr:nvSpPr>
      <xdr:spPr>
        <a:xfrm>
          <a:off x="16370300" y="95193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6726</xdr:rowOff>
    </xdr:from>
    <xdr:to>
      <xdr:col>85</xdr:col>
      <xdr:colOff>177800</xdr:colOff>
      <xdr:row>56</xdr:row>
      <xdr:rowOff>168326</xdr:rowOff>
    </xdr:to>
    <xdr:sp macro="" textlink="">
      <xdr:nvSpPr>
        <xdr:cNvPr id="590" name="フローチャート: 判断 589"/>
        <xdr:cNvSpPr/>
      </xdr:nvSpPr>
      <xdr:spPr>
        <a:xfrm>
          <a:off x="16268700" y="9667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5071</xdr:rowOff>
    </xdr:from>
    <xdr:to>
      <xdr:col>81</xdr:col>
      <xdr:colOff>50800</xdr:colOff>
      <xdr:row>58</xdr:row>
      <xdr:rowOff>96250</xdr:rowOff>
    </xdr:to>
    <xdr:cxnSp macro="">
      <xdr:nvCxnSpPr>
        <xdr:cNvPr id="591" name="直線コネクタ 590"/>
        <xdr:cNvCxnSpPr/>
      </xdr:nvCxnSpPr>
      <xdr:spPr>
        <a:xfrm>
          <a:off x="14592300" y="9777721"/>
          <a:ext cx="889000" cy="262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8384</xdr:rowOff>
    </xdr:from>
    <xdr:to>
      <xdr:col>81</xdr:col>
      <xdr:colOff>101600</xdr:colOff>
      <xdr:row>57</xdr:row>
      <xdr:rowOff>8534</xdr:rowOff>
    </xdr:to>
    <xdr:sp macro="" textlink="">
      <xdr:nvSpPr>
        <xdr:cNvPr id="592" name="フローチャート: 判断 591"/>
        <xdr:cNvSpPr/>
      </xdr:nvSpPr>
      <xdr:spPr>
        <a:xfrm>
          <a:off x="15430500" y="967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5061</xdr:rowOff>
    </xdr:from>
    <xdr:ext cx="534377" cy="259045"/>
    <xdr:sp macro="" textlink="">
      <xdr:nvSpPr>
        <xdr:cNvPr id="593" name="テキスト ボックス 592"/>
        <xdr:cNvSpPr txBox="1"/>
      </xdr:nvSpPr>
      <xdr:spPr>
        <a:xfrm>
          <a:off x="15214111" y="9454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5071</xdr:rowOff>
    </xdr:from>
    <xdr:to>
      <xdr:col>76</xdr:col>
      <xdr:colOff>114300</xdr:colOff>
      <xdr:row>57</xdr:row>
      <xdr:rowOff>144043</xdr:rowOff>
    </xdr:to>
    <xdr:cxnSp macro="">
      <xdr:nvCxnSpPr>
        <xdr:cNvPr id="594" name="直線コネクタ 593"/>
        <xdr:cNvCxnSpPr/>
      </xdr:nvCxnSpPr>
      <xdr:spPr>
        <a:xfrm flipV="1">
          <a:off x="13703300" y="9777721"/>
          <a:ext cx="889000" cy="138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5208</xdr:rowOff>
    </xdr:from>
    <xdr:to>
      <xdr:col>76</xdr:col>
      <xdr:colOff>165100</xdr:colOff>
      <xdr:row>56</xdr:row>
      <xdr:rowOff>65358</xdr:rowOff>
    </xdr:to>
    <xdr:sp macro="" textlink="">
      <xdr:nvSpPr>
        <xdr:cNvPr id="595" name="フローチャート: 判断 594"/>
        <xdr:cNvSpPr/>
      </xdr:nvSpPr>
      <xdr:spPr>
        <a:xfrm>
          <a:off x="14541500" y="956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1885</xdr:rowOff>
    </xdr:from>
    <xdr:ext cx="534377" cy="259045"/>
    <xdr:sp macro="" textlink="">
      <xdr:nvSpPr>
        <xdr:cNvPr id="596" name="テキスト ボックス 595"/>
        <xdr:cNvSpPr txBox="1"/>
      </xdr:nvSpPr>
      <xdr:spPr>
        <a:xfrm>
          <a:off x="14325111" y="9340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4043</xdr:rowOff>
    </xdr:from>
    <xdr:to>
      <xdr:col>71</xdr:col>
      <xdr:colOff>177800</xdr:colOff>
      <xdr:row>58</xdr:row>
      <xdr:rowOff>18983</xdr:rowOff>
    </xdr:to>
    <xdr:cxnSp macro="">
      <xdr:nvCxnSpPr>
        <xdr:cNvPr id="597" name="直線コネクタ 596"/>
        <xdr:cNvCxnSpPr/>
      </xdr:nvCxnSpPr>
      <xdr:spPr>
        <a:xfrm flipV="1">
          <a:off x="12814300" y="9916693"/>
          <a:ext cx="889000" cy="46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3836</xdr:rowOff>
    </xdr:from>
    <xdr:to>
      <xdr:col>72</xdr:col>
      <xdr:colOff>38100</xdr:colOff>
      <xdr:row>56</xdr:row>
      <xdr:rowOff>165436</xdr:rowOff>
    </xdr:to>
    <xdr:sp macro="" textlink="">
      <xdr:nvSpPr>
        <xdr:cNvPr id="598" name="フローチャート: 判断 597"/>
        <xdr:cNvSpPr/>
      </xdr:nvSpPr>
      <xdr:spPr>
        <a:xfrm>
          <a:off x="13652500" y="9665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513</xdr:rowOff>
    </xdr:from>
    <xdr:ext cx="534377" cy="259045"/>
    <xdr:sp macro="" textlink="">
      <xdr:nvSpPr>
        <xdr:cNvPr id="599" name="テキスト ボックス 598"/>
        <xdr:cNvSpPr txBox="1"/>
      </xdr:nvSpPr>
      <xdr:spPr>
        <a:xfrm>
          <a:off x="13436111" y="9440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8425</xdr:rowOff>
    </xdr:from>
    <xdr:to>
      <xdr:col>67</xdr:col>
      <xdr:colOff>101600</xdr:colOff>
      <xdr:row>57</xdr:row>
      <xdr:rowOff>68575</xdr:rowOff>
    </xdr:to>
    <xdr:sp macro="" textlink="">
      <xdr:nvSpPr>
        <xdr:cNvPr id="600" name="フローチャート: 判断 599"/>
        <xdr:cNvSpPr/>
      </xdr:nvSpPr>
      <xdr:spPr>
        <a:xfrm>
          <a:off x="12763500" y="973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5102</xdr:rowOff>
    </xdr:from>
    <xdr:ext cx="534377" cy="259045"/>
    <xdr:sp macro="" textlink="">
      <xdr:nvSpPr>
        <xdr:cNvPr id="601" name="テキスト ボックス 600"/>
        <xdr:cNvSpPr txBox="1"/>
      </xdr:nvSpPr>
      <xdr:spPr>
        <a:xfrm>
          <a:off x="12547111" y="9514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2" name="テキスト ボックス 60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3" name="テキスト ボックス 60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4" name="テキスト ボックス 60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5" name="テキスト ボックス 60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6" name="テキスト ボックス 60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65501</xdr:rowOff>
    </xdr:from>
    <xdr:to>
      <xdr:col>85</xdr:col>
      <xdr:colOff>177800</xdr:colOff>
      <xdr:row>57</xdr:row>
      <xdr:rowOff>167101</xdr:rowOff>
    </xdr:to>
    <xdr:sp macro="" textlink="">
      <xdr:nvSpPr>
        <xdr:cNvPr id="607" name="楕円 606"/>
        <xdr:cNvSpPr/>
      </xdr:nvSpPr>
      <xdr:spPr>
        <a:xfrm>
          <a:off x="16268700" y="9838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43928</xdr:rowOff>
    </xdr:from>
    <xdr:ext cx="534377" cy="259045"/>
    <xdr:sp macro="" textlink="">
      <xdr:nvSpPr>
        <xdr:cNvPr id="608" name="教育費該当値テキスト"/>
        <xdr:cNvSpPr txBox="1"/>
      </xdr:nvSpPr>
      <xdr:spPr>
        <a:xfrm>
          <a:off x="16370300" y="9816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45450</xdr:rowOff>
    </xdr:from>
    <xdr:to>
      <xdr:col>81</xdr:col>
      <xdr:colOff>101600</xdr:colOff>
      <xdr:row>58</xdr:row>
      <xdr:rowOff>147050</xdr:rowOff>
    </xdr:to>
    <xdr:sp macro="" textlink="">
      <xdr:nvSpPr>
        <xdr:cNvPr id="609" name="楕円 608"/>
        <xdr:cNvSpPr/>
      </xdr:nvSpPr>
      <xdr:spPr>
        <a:xfrm>
          <a:off x="15430500" y="998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38177</xdr:rowOff>
    </xdr:from>
    <xdr:ext cx="534377" cy="259045"/>
    <xdr:sp macro="" textlink="">
      <xdr:nvSpPr>
        <xdr:cNvPr id="610" name="テキスト ボックス 609"/>
        <xdr:cNvSpPr txBox="1"/>
      </xdr:nvSpPr>
      <xdr:spPr>
        <a:xfrm>
          <a:off x="15214111" y="10082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25721</xdr:rowOff>
    </xdr:from>
    <xdr:to>
      <xdr:col>76</xdr:col>
      <xdr:colOff>165100</xdr:colOff>
      <xdr:row>57</xdr:row>
      <xdr:rowOff>55871</xdr:rowOff>
    </xdr:to>
    <xdr:sp macro="" textlink="">
      <xdr:nvSpPr>
        <xdr:cNvPr id="611" name="楕円 610"/>
        <xdr:cNvSpPr/>
      </xdr:nvSpPr>
      <xdr:spPr>
        <a:xfrm>
          <a:off x="14541500" y="9726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46998</xdr:rowOff>
    </xdr:from>
    <xdr:ext cx="534377" cy="259045"/>
    <xdr:sp macro="" textlink="">
      <xdr:nvSpPr>
        <xdr:cNvPr id="612" name="テキスト ボックス 611"/>
        <xdr:cNvSpPr txBox="1"/>
      </xdr:nvSpPr>
      <xdr:spPr>
        <a:xfrm>
          <a:off x="14325111" y="9819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93243</xdr:rowOff>
    </xdr:from>
    <xdr:to>
      <xdr:col>72</xdr:col>
      <xdr:colOff>38100</xdr:colOff>
      <xdr:row>58</xdr:row>
      <xdr:rowOff>23393</xdr:rowOff>
    </xdr:to>
    <xdr:sp macro="" textlink="">
      <xdr:nvSpPr>
        <xdr:cNvPr id="613" name="楕円 612"/>
        <xdr:cNvSpPr/>
      </xdr:nvSpPr>
      <xdr:spPr>
        <a:xfrm>
          <a:off x="13652500" y="9865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4520</xdr:rowOff>
    </xdr:from>
    <xdr:ext cx="534377" cy="259045"/>
    <xdr:sp macro="" textlink="">
      <xdr:nvSpPr>
        <xdr:cNvPr id="614" name="テキスト ボックス 613"/>
        <xdr:cNvSpPr txBox="1"/>
      </xdr:nvSpPr>
      <xdr:spPr>
        <a:xfrm>
          <a:off x="13436111" y="9958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39633</xdr:rowOff>
    </xdr:from>
    <xdr:to>
      <xdr:col>67</xdr:col>
      <xdr:colOff>101600</xdr:colOff>
      <xdr:row>58</xdr:row>
      <xdr:rowOff>69783</xdr:rowOff>
    </xdr:to>
    <xdr:sp macro="" textlink="">
      <xdr:nvSpPr>
        <xdr:cNvPr id="615" name="楕円 614"/>
        <xdr:cNvSpPr/>
      </xdr:nvSpPr>
      <xdr:spPr>
        <a:xfrm>
          <a:off x="12763500" y="9912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60910</xdr:rowOff>
    </xdr:from>
    <xdr:ext cx="534377" cy="259045"/>
    <xdr:sp macro="" textlink="">
      <xdr:nvSpPr>
        <xdr:cNvPr id="616" name="テキスト ボックス 615"/>
        <xdr:cNvSpPr txBox="1"/>
      </xdr:nvSpPr>
      <xdr:spPr>
        <a:xfrm>
          <a:off x="12547111" y="10005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7" name="正方形/長方形 61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8" name="正方形/長方形 61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9" name="正方形/長方形 61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0" name="正方形/長方形 61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1" name="正方形/長方形 62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2" name="正方形/長方形 62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3" name="正方形/長方形 62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4" name="正方形/長方形 62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5" name="テキスト ボックス 62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6" name="直線コネクタ 62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7" name="直線コネクタ 626"/>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8" name="テキスト ボックス 627"/>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9" name="直線コネクタ 628"/>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30" name="テキスト ボックス 629"/>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31" name="直線コネクタ 630"/>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32" name="テキスト ボックス 631"/>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33" name="直線コネクタ 632"/>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34" name="テキスト ボックス 633"/>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5" name="直線コネクタ 634"/>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36" name="テキスト ボックス 635"/>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7" name="直線コネクタ 636"/>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38" name="テキスト ボックス 637"/>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40" name="テキスト ボックス 639"/>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839</xdr:rowOff>
    </xdr:from>
    <xdr:to>
      <xdr:col>85</xdr:col>
      <xdr:colOff>126364</xdr:colOff>
      <xdr:row>79</xdr:row>
      <xdr:rowOff>98879</xdr:rowOff>
    </xdr:to>
    <xdr:cxnSp macro="">
      <xdr:nvCxnSpPr>
        <xdr:cNvPr id="642" name="直線コネクタ 641"/>
        <xdr:cNvCxnSpPr/>
      </xdr:nvCxnSpPr>
      <xdr:spPr>
        <a:xfrm flipV="1">
          <a:off x="16317595" y="12182789"/>
          <a:ext cx="1269" cy="146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24996</xdr:rowOff>
    </xdr:from>
    <xdr:ext cx="249299" cy="259045"/>
    <xdr:sp macro="" textlink="">
      <xdr:nvSpPr>
        <xdr:cNvPr id="643" name="災害復旧費最小値テキスト"/>
        <xdr:cNvSpPr txBox="1"/>
      </xdr:nvSpPr>
      <xdr:spPr>
        <a:xfrm>
          <a:off x="16370300" y="13669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44" name="直線コネクタ 643"/>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7966</xdr:rowOff>
    </xdr:from>
    <xdr:ext cx="534377" cy="259045"/>
    <xdr:sp macro="" textlink="">
      <xdr:nvSpPr>
        <xdr:cNvPr id="645" name="災害復旧費最大値テキスト"/>
        <xdr:cNvSpPr txBox="1"/>
      </xdr:nvSpPr>
      <xdr:spPr>
        <a:xfrm>
          <a:off x="16370300" y="11958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4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839</xdr:rowOff>
    </xdr:from>
    <xdr:to>
      <xdr:col>86</xdr:col>
      <xdr:colOff>25400</xdr:colOff>
      <xdr:row>71</xdr:row>
      <xdr:rowOff>9839</xdr:rowOff>
    </xdr:to>
    <xdr:cxnSp macro="">
      <xdr:nvCxnSpPr>
        <xdr:cNvPr id="646" name="直線コネクタ 645"/>
        <xdr:cNvCxnSpPr/>
      </xdr:nvCxnSpPr>
      <xdr:spPr>
        <a:xfrm>
          <a:off x="16230600" y="1218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47" name="直線コネクタ 646"/>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446</xdr:rowOff>
    </xdr:from>
    <xdr:ext cx="469744" cy="259045"/>
    <xdr:sp macro="" textlink="">
      <xdr:nvSpPr>
        <xdr:cNvPr id="648" name="災害復旧費平均値テキスト"/>
        <xdr:cNvSpPr txBox="1"/>
      </xdr:nvSpPr>
      <xdr:spPr>
        <a:xfrm>
          <a:off x="16370300" y="13415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9569</xdr:rowOff>
    </xdr:from>
    <xdr:to>
      <xdr:col>85</xdr:col>
      <xdr:colOff>177800</xdr:colOff>
      <xdr:row>79</xdr:row>
      <xdr:rowOff>121169</xdr:rowOff>
    </xdr:to>
    <xdr:sp macro="" textlink="">
      <xdr:nvSpPr>
        <xdr:cNvPr id="649" name="フローチャート: 判断 648"/>
        <xdr:cNvSpPr/>
      </xdr:nvSpPr>
      <xdr:spPr>
        <a:xfrm>
          <a:off x="16268700" y="13564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50" name="直線コネクタ 649"/>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11813</xdr:rowOff>
    </xdr:from>
    <xdr:to>
      <xdr:col>81</xdr:col>
      <xdr:colOff>101600</xdr:colOff>
      <xdr:row>79</xdr:row>
      <xdr:rowOff>113413</xdr:rowOff>
    </xdr:to>
    <xdr:sp macro="" textlink="">
      <xdr:nvSpPr>
        <xdr:cNvPr id="651" name="フローチャート: 判断 650"/>
        <xdr:cNvSpPr/>
      </xdr:nvSpPr>
      <xdr:spPr>
        <a:xfrm>
          <a:off x="15430500" y="13556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29940</xdr:rowOff>
    </xdr:from>
    <xdr:ext cx="469744" cy="259045"/>
    <xdr:sp macro="" textlink="">
      <xdr:nvSpPr>
        <xdr:cNvPr id="652" name="テキスト ボックス 651"/>
        <xdr:cNvSpPr txBox="1"/>
      </xdr:nvSpPr>
      <xdr:spPr>
        <a:xfrm>
          <a:off x="15246428" y="13331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53" name="直線コネクタ 652"/>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21072</xdr:rowOff>
    </xdr:from>
    <xdr:to>
      <xdr:col>76</xdr:col>
      <xdr:colOff>165100</xdr:colOff>
      <xdr:row>79</xdr:row>
      <xdr:rowOff>122672</xdr:rowOff>
    </xdr:to>
    <xdr:sp macro="" textlink="">
      <xdr:nvSpPr>
        <xdr:cNvPr id="654" name="フローチャート: 判断 653"/>
        <xdr:cNvSpPr/>
      </xdr:nvSpPr>
      <xdr:spPr>
        <a:xfrm>
          <a:off x="14541500" y="13565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39199</xdr:rowOff>
    </xdr:from>
    <xdr:ext cx="469744" cy="259045"/>
    <xdr:sp macro="" textlink="">
      <xdr:nvSpPr>
        <xdr:cNvPr id="655" name="テキスト ボックス 654"/>
        <xdr:cNvSpPr txBox="1"/>
      </xdr:nvSpPr>
      <xdr:spPr>
        <a:xfrm>
          <a:off x="14357428" y="13340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56" name="直線コネクタ 655"/>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5013</xdr:rowOff>
    </xdr:from>
    <xdr:to>
      <xdr:col>72</xdr:col>
      <xdr:colOff>38100</xdr:colOff>
      <xdr:row>79</xdr:row>
      <xdr:rowOff>116613</xdr:rowOff>
    </xdr:to>
    <xdr:sp macro="" textlink="">
      <xdr:nvSpPr>
        <xdr:cNvPr id="657" name="フローチャート: 判断 656"/>
        <xdr:cNvSpPr/>
      </xdr:nvSpPr>
      <xdr:spPr>
        <a:xfrm>
          <a:off x="13652500" y="13559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33140</xdr:rowOff>
    </xdr:from>
    <xdr:ext cx="469744" cy="259045"/>
    <xdr:sp macro="" textlink="">
      <xdr:nvSpPr>
        <xdr:cNvPr id="658" name="テキスト ボックス 657"/>
        <xdr:cNvSpPr txBox="1"/>
      </xdr:nvSpPr>
      <xdr:spPr>
        <a:xfrm>
          <a:off x="13468428" y="13334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23684</xdr:rowOff>
    </xdr:from>
    <xdr:to>
      <xdr:col>67</xdr:col>
      <xdr:colOff>101600</xdr:colOff>
      <xdr:row>79</xdr:row>
      <xdr:rowOff>125284</xdr:rowOff>
    </xdr:to>
    <xdr:sp macro="" textlink="">
      <xdr:nvSpPr>
        <xdr:cNvPr id="659" name="フローチャート: 判断 658"/>
        <xdr:cNvSpPr/>
      </xdr:nvSpPr>
      <xdr:spPr>
        <a:xfrm>
          <a:off x="12763500" y="13568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41811</xdr:rowOff>
    </xdr:from>
    <xdr:ext cx="469744" cy="259045"/>
    <xdr:sp macro="" textlink="">
      <xdr:nvSpPr>
        <xdr:cNvPr id="660" name="テキスト ボックス 659"/>
        <xdr:cNvSpPr txBox="1"/>
      </xdr:nvSpPr>
      <xdr:spPr>
        <a:xfrm>
          <a:off x="12579428" y="13343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66" name="楕円 665"/>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69446</xdr:rowOff>
    </xdr:from>
    <xdr:ext cx="249299" cy="259045"/>
    <xdr:sp macro="" textlink="">
      <xdr:nvSpPr>
        <xdr:cNvPr id="667" name="災害復旧費該当値テキスト"/>
        <xdr:cNvSpPr txBox="1"/>
      </xdr:nvSpPr>
      <xdr:spPr>
        <a:xfrm>
          <a:off x="16370300" y="13542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8" name="楕円 667"/>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9" name="テキスト ボックス 668"/>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70" name="楕円 669"/>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71" name="テキスト ボックス 670"/>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72" name="楕円 671"/>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73" name="テキスト ボックス 672"/>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74" name="楕円 673"/>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75" name="テキスト ボックス 674"/>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6" name="直線コネクタ 685"/>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7" name="テキスト ボックス 686"/>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8" name="直線コネクタ 687"/>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9" name="テキスト ボックス 688"/>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90" name="直線コネクタ 689"/>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1" name="テキスト ボックス 690"/>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2" name="直線コネクタ 691"/>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3" name="テキスト ボックス 692"/>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4" name="直線コネクタ 693"/>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5" name="テキスト ボックス 694"/>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6" name="直線コネクタ 695"/>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7" name="テキスト ボックス 696"/>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8" name="直線コネクタ 69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9" name="テキスト ボックス 69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700"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09165</xdr:rowOff>
    </xdr:from>
    <xdr:to>
      <xdr:col>85</xdr:col>
      <xdr:colOff>126364</xdr:colOff>
      <xdr:row>98</xdr:row>
      <xdr:rowOff>133038</xdr:rowOff>
    </xdr:to>
    <xdr:cxnSp macro="">
      <xdr:nvCxnSpPr>
        <xdr:cNvPr id="701" name="直線コネクタ 700"/>
        <xdr:cNvCxnSpPr/>
      </xdr:nvCxnSpPr>
      <xdr:spPr>
        <a:xfrm flipV="1">
          <a:off x="16317595" y="15368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6865</xdr:rowOff>
    </xdr:from>
    <xdr:ext cx="469744" cy="259045"/>
    <xdr:sp macro="" textlink="">
      <xdr:nvSpPr>
        <xdr:cNvPr id="702" name="公債費最小値テキスト"/>
        <xdr:cNvSpPr txBox="1"/>
      </xdr:nvSpPr>
      <xdr:spPr>
        <a:xfrm>
          <a:off x="16370300" y="16938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3038</xdr:rowOff>
    </xdr:from>
    <xdr:to>
      <xdr:col>86</xdr:col>
      <xdr:colOff>25400</xdr:colOff>
      <xdr:row>98</xdr:row>
      <xdr:rowOff>133038</xdr:rowOff>
    </xdr:to>
    <xdr:cxnSp macro="">
      <xdr:nvCxnSpPr>
        <xdr:cNvPr id="703" name="直線コネクタ 702"/>
        <xdr:cNvCxnSpPr/>
      </xdr:nvCxnSpPr>
      <xdr:spPr>
        <a:xfrm>
          <a:off x="16230600" y="1693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55842</xdr:rowOff>
    </xdr:from>
    <xdr:ext cx="599010" cy="259045"/>
    <xdr:sp macro="" textlink="">
      <xdr:nvSpPr>
        <xdr:cNvPr id="704" name="公債費最大値テキスト"/>
        <xdr:cNvSpPr txBox="1"/>
      </xdr:nvSpPr>
      <xdr:spPr>
        <a:xfrm>
          <a:off x="16370300" y="15143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37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09165</xdr:rowOff>
    </xdr:from>
    <xdr:to>
      <xdr:col>86</xdr:col>
      <xdr:colOff>25400</xdr:colOff>
      <xdr:row>89</xdr:row>
      <xdr:rowOff>109165</xdr:rowOff>
    </xdr:to>
    <xdr:cxnSp macro="">
      <xdr:nvCxnSpPr>
        <xdr:cNvPr id="705" name="直線コネクタ 704"/>
        <xdr:cNvCxnSpPr/>
      </xdr:nvCxnSpPr>
      <xdr:spPr>
        <a:xfrm>
          <a:off x="16230600" y="15368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5546</xdr:rowOff>
    </xdr:from>
    <xdr:to>
      <xdr:col>85</xdr:col>
      <xdr:colOff>127000</xdr:colOff>
      <xdr:row>97</xdr:row>
      <xdr:rowOff>81390</xdr:rowOff>
    </xdr:to>
    <xdr:cxnSp macro="">
      <xdr:nvCxnSpPr>
        <xdr:cNvPr id="706" name="直線コネクタ 705"/>
        <xdr:cNvCxnSpPr/>
      </xdr:nvCxnSpPr>
      <xdr:spPr>
        <a:xfrm>
          <a:off x="15481300" y="16706196"/>
          <a:ext cx="838200" cy="5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38005</xdr:rowOff>
    </xdr:from>
    <xdr:ext cx="534377" cy="259045"/>
    <xdr:sp macro="" textlink="">
      <xdr:nvSpPr>
        <xdr:cNvPr id="707" name="公債費平均値テキスト"/>
        <xdr:cNvSpPr txBox="1"/>
      </xdr:nvSpPr>
      <xdr:spPr>
        <a:xfrm>
          <a:off x="16370300" y="163257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128</xdr:rowOff>
    </xdr:from>
    <xdr:to>
      <xdr:col>85</xdr:col>
      <xdr:colOff>177800</xdr:colOff>
      <xdr:row>96</xdr:row>
      <xdr:rowOff>116728</xdr:rowOff>
    </xdr:to>
    <xdr:sp macro="" textlink="">
      <xdr:nvSpPr>
        <xdr:cNvPr id="708" name="フローチャート: 判断 707"/>
        <xdr:cNvSpPr/>
      </xdr:nvSpPr>
      <xdr:spPr>
        <a:xfrm>
          <a:off x="16268700" y="1647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75546</xdr:rowOff>
    </xdr:from>
    <xdr:to>
      <xdr:col>81</xdr:col>
      <xdr:colOff>50800</xdr:colOff>
      <xdr:row>97</xdr:row>
      <xdr:rowOff>97295</xdr:rowOff>
    </xdr:to>
    <xdr:cxnSp macro="">
      <xdr:nvCxnSpPr>
        <xdr:cNvPr id="709" name="直線コネクタ 708"/>
        <xdr:cNvCxnSpPr/>
      </xdr:nvCxnSpPr>
      <xdr:spPr>
        <a:xfrm flipV="1">
          <a:off x="14592300" y="16706196"/>
          <a:ext cx="889000" cy="21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31375</xdr:rowOff>
    </xdr:from>
    <xdr:to>
      <xdr:col>81</xdr:col>
      <xdr:colOff>101600</xdr:colOff>
      <xdr:row>96</xdr:row>
      <xdr:rowOff>132975</xdr:rowOff>
    </xdr:to>
    <xdr:sp macro="" textlink="">
      <xdr:nvSpPr>
        <xdr:cNvPr id="710" name="フローチャート: 判断 709"/>
        <xdr:cNvSpPr/>
      </xdr:nvSpPr>
      <xdr:spPr>
        <a:xfrm>
          <a:off x="154305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49502</xdr:rowOff>
    </xdr:from>
    <xdr:ext cx="534377" cy="259045"/>
    <xdr:sp macro="" textlink="">
      <xdr:nvSpPr>
        <xdr:cNvPr id="711" name="テキスト ボックス 710"/>
        <xdr:cNvSpPr txBox="1"/>
      </xdr:nvSpPr>
      <xdr:spPr>
        <a:xfrm>
          <a:off x="15214111" y="16265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97295</xdr:rowOff>
    </xdr:from>
    <xdr:to>
      <xdr:col>76</xdr:col>
      <xdr:colOff>114300</xdr:colOff>
      <xdr:row>97</xdr:row>
      <xdr:rowOff>113167</xdr:rowOff>
    </xdr:to>
    <xdr:cxnSp macro="">
      <xdr:nvCxnSpPr>
        <xdr:cNvPr id="712" name="直線コネクタ 711"/>
        <xdr:cNvCxnSpPr/>
      </xdr:nvCxnSpPr>
      <xdr:spPr>
        <a:xfrm flipV="1">
          <a:off x="13703300" y="16727945"/>
          <a:ext cx="889000" cy="15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2699</xdr:rowOff>
    </xdr:from>
    <xdr:to>
      <xdr:col>76</xdr:col>
      <xdr:colOff>165100</xdr:colOff>
      <xdr:row>96</xdr:row>
      <xdr:rowOff>154299</xdr:rowOff>
    </xdr:to>
    <xdr:sp macro="" textlink="">
      <xdr:nvSpPr>
        <xdr:cNvPr id="713" name="フローチャート: 判断 712"/>
        <xdr:cNvSpPr/>
      </xdr:nvSpPr>
      <xdr:spPr>
        <a:xfrm>
          <a:off x="14541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70826</xdr:rowOff>
    </xdr:from>
    <xdr:ext cx="534377" cy="259045"/>
    <xdr:sp macro="" textlink="">
      <xdr:nvSpPr>
        <xdr:cNvPr id="714" name="テキスト ボックス 713"/>
        <xdr:cNvSpPr txBox="1"/>
      </xdr:nvSpPr>
      <xdr:spPr>
        <a:xfrm>
          <a:off x="14325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58874</xdr:rowOff>
    </xdr:from>
    <xdr:to>
      <xdr:col>71</xdr:col>
      <xdr:colOff>177800</xdr:colOff>
      <xdr:row>97</xdr:row>
      <xdr:rowOff>113167</xdr:rowOff>
    </xdr:to>
    <xdr:cxnSp macro="">
      <xdr:nvCxnSpPr>
        <xdr:cNvPr id="715" name="直線コネクタ 714"/>
        <xdr:cNvCxnSpPr/>
      </xdr:nvCxnSpPr>
      <xdr:spPr>
        <a:xfrm>
          <a:off x="12814300" y="16689524"/>
          <a:ext cx="8890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5287</xdr:rowOff>
    </xdr:from>
    <xdr:to>
      <xdr:col>72</xdr:col>
      <xdr:colOff>38100</xdr:colOff>
      <xdr:row>96</xdr:row>
      <xdr:rowOff>146887</xdr:rowOff>
    </xdr:to>
    <xdr:sp macro="" textlink="">
      <xdr:nvSpPr>
        <xdr:cNvPr id="716" name="フローチャート: 判断 715"/>
        <xdr:cNvSpPr/>
      </xdr:nvSpPr>
      <xdr:spPr>
        <a:xfrm>
          <a:off x="13652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63414</xdr:rowOff>
    </xdr:from>
    <xdr:ext cx="534377" cy="259045"/>
    <xdr:sp macro="" textlink="">
      <xdr:nvSpPr>
        <xdr:cNvPr id="717" name="テキスト ボックス 716"/>
        <xdr:cNvSpPr txBox="1"/>
      </xdr:nvSpPr>
      <xdr:spPr>
        <a:xfrm>
          <a:off x="13436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37759</xdr:rowOff>
    </xdr:from>
    <xdr:to>
      <xdr:col>67</xdr:col>
      <xdr:colOff>101600</xdr:colOff>
      <xdr:row>96</xdr:row>
      <xdr:rowOff>139359</xdr:rowOff>
    </xdr:to>
    <xdr:sp macro="" textlink="">
      <xdr:nvSpPr>
        <xdr:cNvPr id="718" name="フローチャート: 判断 717"/>
        <xdr:cNvSpPr/>
      </xdr:nvSpPr>
      <xdr:spPr>
        <a:xfrm>
          <a:off x="12763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5886</xdr:rowOff>
    </xdr:from>
    <xdr:ext cx="534377" cy="259045"/>
    <xdr:sp macro="" textlink="">
      <xdr:nvSpPr>
        <xdr:cNvPr id="719" name="テキスト ボックス 718"/>
        <xdr:cNvSpPr txBox="1"/>
      </xdr:nvSpPr>
      <xdr:spPr>
        <a:xfrm>
          <a:off x="12547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20" name="テキスト ボックス 71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1" name="テキスト ボックス 72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2" name="テキスト ボックス 72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3" name="テキスト ボックス 72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4" name="テキスト ボックス 72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0590</xdr:rowOff>
    </xdr:from>
    <xdr:to>
      <xdr:col>85</xdr:col>
      <xdr:colOff>177800</xdr:colOff>
      <xdr:row>97</xdr:row>
      <xdr:rowOff>132190</xdr:rowOff>
    </xdr:to>
    <xdr:sp macro="" textlink="">
      <xdr:nvSpPr>
        <xdr:cNvPr id="725" name="楕円 724"/>
        <xdr:cNvSpPr/>
      </xdr:nvSpPr>
      <xdr:spPr>
        <a:xfrm>
          <a:off x="16268700" y="16661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9017</xdr:rowOff>
    </xdr:from>
    <xdr:ext cx="534377" cy="259045"/>
    <xdr:sp macro="" textlink="">
      <xdr:nvSpPr>
        <xdr:cNvPr id="726" name="公債費該当値テキスト"/>
        <xdr:cNvSpPr txBox="1"/>
      </xdr:nvSpPr>
      <xdr:spPr>
        <a:xfrm>
          <a:off x="16370300" y="16639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4746</xdr:rowOff>
    </xdr:from>
    <xdr:to>
      <xdr:col>81</xdr:col>
      <xdr:colOff>101600</xdr:colOff>
      <xdr:row>97</xdr:row>
      <xdr:rowOff>126346</xdr:rowOff>
    </xdr:to>
    <xdr:sp macro="" textlink="">
      <xdr:nvSpPr>
        <xdr:cNvPr id="727" name="楕円 726"/>
        <xdr:cNvSpPr/>
      </xdr:nvSpPr>
      <xdr:spPr>
        <a:xfrm>
          <a:off x="15430500" y="16655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17473</xdr:rowOff>
    </xdr:from>
    <xdr:ext cx="534377" cy="259045"/>
    <xdr:sp macro="" textlink="">
      <xdr:nvSpPr>
        <xdr:cNvPr id="728" name="テキスト ボックス 727"/>
        <xdr:cNvSpPr txBox="1"/>
      </xdr:nvSpPr>
      <xdr:spPr>
        <a:xfrm>
          <a:off x="15214111" y="16748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46495</xdr:rowOff>
    </xdr:from>
    <xdr:to>
      <xdr:col>76</xdr:col>
      <xdr:colOff>165100</xdr:colOff>
      <xdr:row>97</xdr:row>
      <xdr:rowOff>148095</xdr:rowOff>
    </xdr:to>
    <xdr:sp macro="" textlink="">
      <xdr:nvSpPr>
        <xdr:cNvPr id="729" name="楕円 728"/>
        <xdr:cNvSpPr/>
      </xdr:nvSpPr>
      <xdr:spPr>
        <a:xfrm>
          <a:off x="14541500" y="1667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9222</xdr:rowOff>
    </xdr:from>
    <xdr:ext cx="534377" cy="259045"/>
    <xdr:sp macro="" textlink="">
      <xdr:nvSpPr>
        <xdr:cNvPr id="730" name="テキスト ボックス 729"/>
        <xdr:cNvSpPr txBox="1"/>
      </xdr:nvSpPr>
      <xdr:spPr>
        <a:xfrm>
          <a:off x="14325111" y="16769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2367</xdr:rowOff>
    </xdr:from>
    <xdr:to>
      <xdr:col>72</xdr:col>
      <xdr:colOff>38100</xdr:colOff>
      <xdr:row>97</xdr:row>
      <xdr:rowOff>163967</xdr:rowOff>
    </xdr:to>
    <xdr:sp macro="" textlink="">
      <xdr:nvSpPr>
        <xdr:cNvPr id="731" name="楕円 730"/>
        <xdr:cNvSpPr/>
      </xdr:nvSpPr>
      <xdr:spPr>
        <a:xfrm>
          <a:off x="13652500" y="16693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5094</xdr:rowOff>
    </xdr:from>
    <xdr:ext cx="534377" cy="259045"/>
    <xdr:sp macro="" textlink="">
      <xdr:nvSpPr>
        <xdr:cNvPr id="732" name="テキスト ボックス 731"/>
        <xdr:cNvSpPr txBox="1"/>
      </xdr:nvSpPr>
      <xdr:spPr>
        <a:xfrm>
          <a:off x="13436111" y="1678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074</xdr:rowOff>
    </xdr:from>
    <xdr:to>
      <xdr:col>67</xdr:col>
      <xdr:colOff>101600</xdr:colOff>
      <xdr:row>97</xdr:row>
      <xdr:rowOff>109674</xdr:rowOff>
    </xdr:to>
    <xdr:sp macro="" textlink="">
      <xdr:nvSpPr>
        <xdr:cNvPr id="733" name="楕円 732"/>
        <xdr:cNvSpPr/>
      </xdr:nvSpPr>
      <xdr:spPr>
        <a:xfrm>
          <a:off x="12763500" y="1663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00801</xdr:rowOff>
    </xdr:from>
    <xdr:ext cx="534377" cy="259045"/>
    <xdr:sp macro="" textlink="">
      <xdr:nvSpPr>
        <xdr:cNvPr id="734" name="テキスト ボックス 733"/>
        <xdr:cNvSpPr txBox="1"/>
      </xdr:nvSpPr>
      <xdr:spPr>
        <a:xfrm>
          <a:off x="12547111" y="16731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5" name="正方形/長方形 73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6" name="正方形/長方形 73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7" name="正方形/長方形 73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8" name="正方形/長方形 73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9" name="正方形/長方形 73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40" name="正方形/長方形 73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1" name="正方形/長方形 74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2" name="正方形/長方形 74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3" name="テキスト ボックス 74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4" name="直線コネクタ 74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5" name="直線コネクタ 744"/>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6" name="テキスト ボックス 745"/>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7" name="直線コネクタ 746"/>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48" name="テキスト ボックス 747"/>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9" name="直線コネクタ 748"/>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50" name="テキスト ボックス 749"/>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1" name="直線コネクタ 750"/>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52" name="テキスト ボックス 751"/>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3" name="直線コネクタ 752"/>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54" name="テキスト ボックス 753"/>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5" name="直線コネクタ 754"/>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56" name="テキスト ボックス 755"/>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7" name="直線コネクタ 75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8" name="テキスト ボックス 757"/>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4994</xdr:rowOff>
    </xdr:from>
    <xdr:to>
      <xdr:col>116</xdr:col>
      <xdr:colOff>62864</xdr:colOff>
      <xdr:row>39</xdr:row>
      <xdr:rowOff>98878</xdr:rowOff>
    </xdr:to>
    <xdr:cxnSp macro="">
      <xdr:nvCxnSpPr>
        <xdr:cNvPr id="760" name="直線コネクタ 759"/>
        <xdr:cNvCxnSpPr/>
      </xdr:nvCxnSpPr>
      <xdr:spPr>
        <a:xfrm flipV="1">
          <a:off x="22159595" y="5359944"/>
          <a:ext cx="1269" cy="14254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35544</xdr:rowOff>
    </xdr:from>
    <xdr:ext cx="249299" cy="259045"/>
    <xdr:sp macro="" textlink="">
      <xdr:nvSpPr>
        <xdr:cNvPr id="761" name="諸支出金最小値テキスト"/>
        <xdr:cNvSpPr txBox="1"/>
      </xdr:nvSpPr>
      <xdr:spPr>
        <a:xfrm>
          <a:off x="22212300" y="6822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2" name="直線コネクタ 761"/>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3121</xdr:rowOff>
    </xdr:from>
    <xdr:ext cx="469744" cy="259045"/>
    <xdr:sp macro="" textlink="">
      <xdr:nvSpPr>
        <xdr:cNvPr id="763" name="諸支出金最大値テキスト"/>
        <xdr:cNvSpPr txBox="1"/>
      </xdr:nvSpPr>
      <xdr:spPr>
        <a:xfrm>
          <a:off x="22212300" y="5135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3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4994</xdr:rowOff>
    </xdr:from>
    <xdr:to>
      <xdr:col>116</xdr:col>
      <xdr:colOff>152400</xdr:colOff>
      <xdr:row>31</xdr:row>
      <xdr:rowOff>44994</xdr:rowOff>
    </xdr:to>
    <xdr:cxnSp macro="">
      <xdr:nvCxnSpPr>
        <xdr:cNvPr id="764" name="直線コネクタ 763"/>
        <xdr:cNvCxnSpPr/>
      </xdr:nvCxnSpPr>
      <xdr:spPr>
        <a:xfrm>
          <a:off x="22072600" y="535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5" name="直線コネクタ 764"/>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2994</xdr:rowOff>
    </xdr:from>
    <xdr:ext cx="378565" cy="259045"/>
    <xdr:sp macro="" textlink="">
      <xdr:nvSpPr>
        <xdr:cNvPr id="766" name="諸支出金平均値テキスト"/>
        <xdr:cNvSpPr txBox="1"/>
      </xdr:nvSpPr>
      <xdr:spPr>
        <a:xfrm>
          <a:off x="22212300" y="65680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0117</xdr:rowOff>
    </xdr:from>
    <xdr:to>
      <xdr:col>116</xdr:col>
      <xdr:colOff>114300</xdr:colOff>
      <xdr:row>39</xdr:row>
      <xdr:rowOff>131717</xdr:rowOff>
    </xdr:to>
    <xdr:sp macro="" textlink="">
      <xdr:nvSpPr>
        <xdr:cNvPr id="767" name="フローチャート: 判断 766"/>
        <xdr:cNvSpPr/>
      </xdr:nvSpPr>
      <xdr:spPr>
        <a:xfrm>
          <a:off x="22110700" y="671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8" name="直線コネクタ 767"/>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8608</xdr:rowOff>
    </xdr:from>
    <xdr:to>
      <xdr:col>112</xdr:col>
      <xdr:colOff>38100</xdr:colOff>
      <xdr:row>39</xdr:row>
      <xdr:rowOff>140208</xdr:rowOff>
    </xdr:to>
    <xdr:sp macro="" textlink="">
      <xdr:nvSpPr>
        <xdr:cNvPr id="769" name="フローチャート: 判断 768"/>
        <xdr:cNvSpPr/>
      </xdr:nvSpPr>
      <xdr:spPr>
        <a:xfrm>
          <a:off x="21272500" y="6725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6735</xdr:rowOff>
    </xdr:from>
    <xdr:ext cx="313932" cy="259045"/>
    <xdr:sp macro="" textlink="">
      <xdr:nvSpPr>
        <xdr:cNvPr id="770" name="テキスト ボックス 769"/>
        <xdr:cNvSpPr txBox="1"/>
      </xdr:nvSpPr>
      <xdr:spPr>
        <a:xfrm>
          <a:off x="21166333" y="650038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1" name="直線コネクタ 770"/>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2037</xdr:rowOff>
    </xdr:from>
    <xdr:to>
      <xdr:col>107</xdr:col>
      <xdr:colOff>101600</xdr:colOff>
      <xdr:row>39</xdr:row>
      <xdr:rowOff>143637</xdr:rowOff>
    </xdr:to>
    <xdr:sp macro="" textlink="">
      <xdr:nvSpPr>
        <xdr:cNvPr id="772" name="フローチャート: 判断 771"/>
        <xdr:cNvSpPr/>
      </xdr:nvSpPr>
      <xdr:spPr>
        <a:xfrm>
          <a:off x="20383500" y="672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60164</xdr:rowOff>
    </xdr:from>
    <xdr:ext cx="313932" cy="259045"/>
    <xdr:sp macro="" textlink="">
      <xdr:nvSpPr>
        <xdr:cNvPr id="773" name="テキスト ボックス 772"/>
        <xdr:cNvSpPr txBox="1"/>
      </xdr:nvSpPr>
      <xdr:spPr>
        <a:xfrm>
          <a:off x="20277333" y="650381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4" name="直線コネクタ 773"/>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4852</xdr:rowOff>
    </xdr:from>
    <xdr:to>
      <xdr:col>102</xdr:col>
      <xdr:colOff>165100</xdr:colOff>
      <xdr:row>39</xdr:row>
      <xdr:rowOff>136452</xdr:rowOff>
    </xdr:to>
    <xdr:sp macro="" textlink="">
      <xdr:nvSpPr>
        <xdr:cNvPr id="775" name="フローチャート: 判断 774"/>
        <xdr:cNvSpPr/>
      </xdr:nvSpPr>
      <xdr:spPr>
        <a:xfrm>
          <a:off x="19494500" y="672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52979</xdr:rowOff>
    </xdr:from>
    <xdr:ext cx="313932" cy="259045"/>
    <xdr:sp macro="" textlink="">
      <xdr:nvSpPr>
        <xdr:cNvPr id="776" name="テキスト ボックス 775"/>
        <xdr:cNvSpPr txBox="1"/>
      </xdr:nvSpPr>
      <xdr:spPr>
        <a:xfrm>
          <a:off x="19388333" y="64966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3833</xdr:rowOff>
    </xdr:from>
    <xdr:to>
      <xdr:col>98</xdr:col>
      <xdr:colOff>38100</xdr:colOff>
      <xdr:row>39</xdr:row>
      <xdr:rowOff>145433</xdr:rowOff>
    </xdr:to>
    <xdr:sp macro="" textlink="">
      <xdr:nvSpPr>
        <xdr:cNvPr id="777" name="フローチャート: 判断 776"/>
        <xdr:cNvSpPr/>
      </xdr:nvSpPr>
      <xdr:spPr>
        <a:xfrm>
          <a:off x="18605500" y="6730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61960</xdr:rowOff>
    </xdr:from>
    <xdr:ext cx="313932" cy="259045"/>
    <xdr:sp macro="" textlink="">
      <xdr:nvSpPr>
        <xdr:cNvPr id="778" name="テキスト ボックス 777"/>
        <xdr:cNvSpPr txBox="1"/>
      </xdr:nvSpPr>
      <xdr:spPr>
        <a:xfrm>
          <a:off x="18499333" y="650561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9" name="テキスト ボックス 77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80" name="テキスト ボックス 77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1" name="テキスト ボックス 78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2" name="テキスト ボックス 78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3" name="テキスト ボックス 78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4" name="楕円 783"/>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9</xdr:row>
      <xdr:rowOff>8544</xdr:rowOff>
    </xdr:from>
    <xdr:ext cx="249299" cy="259045"/>
    <xdr:sp macro="" textlink="">
      <xdr:nvSpPr>
        <xdr:cNvPr id="785" name="諸支出金該当値テキスト"/>
        <xdr:cNvSpPr txBox="1"/>
      </xdr:nvSpPr>
      <xdr:spPr>
        <a:xfrm>
          <a:off x="22212300" y="6695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6" name="楕円 785"/>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7" name="テキスト ボックス 786"/>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8" name="楕円 787"/>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9" name="テキスト ボックス 788"/>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90" name="楕円 789"/>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1" name="テキスト ボックス 790"/>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2" name="楕円 791"/>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3" name="テキスト ボックス 792"/>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4" name="正方形/長方形 79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5" name="正方形/長方形 79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6" name="正方形/長方形 79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7" name="正方形/長方形 79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8" name="正方形/長方形 79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9" name="正方形/長方形 79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800" name="正方形/長方形 79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1" name="正方形/長方形 80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2" name="テキスト ボックス 80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3" name="直線コネクタ 80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4" name="直線コネクタ 80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5" name="テキスト ボックス 80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6" name="直線コネクタ 80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7" name="テキスト ボックス 80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9" name="直線コネクタ 80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1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1" name="直線コネクタ 81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3" name="直線コネクタ 81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4" name="直線コネクタ 81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フローチャート: 判断 81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7" name="直線コネクタ 81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8" name="フローチャート: 判断 81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9" name="テキスト ボックス 81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20" name="直線コネクタ 81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1" name="フローチャート: 判断 82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2" name="テキスト ボックス 82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3" name="直線コネクタ 82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4" name="フローチャート: 判断 82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5" name="テキスト ボックス 82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フローチャート: 判断 82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7" name="テキスト ボックス 82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8" name="テキスト ボックス 82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9" name="テキスト ボックス 82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0" name="テキスト ボックス 82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1" name="テキスト ボックス 83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2" name="テキスト ボックス 83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3" name="楕円 83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5" name="楕円 83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6" name="テキスト ボックス 83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7" name="楕円 83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8" name="テキスト ボックス 83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9" name="楕円 83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40" name="テキスト ボックス 83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1" name="楕円 84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2" name="テキスト ボックス 84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3" name="正方形/長方形 84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4" name="正方形/長方形 84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5" name="テキスト ボックス 84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令和</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4</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の歳出決算総額に対する住民一人当たり平均額は</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84,226</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円であり、前年度の住民一人当たり平均額である</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54,012</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円と比べ</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30,214</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円の増となっている。増加した要因は、事業進捗による</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田端西地区組合土地区画整理事業助成金の増加に伴う土木費の増加や、小中学校体育館に設置した可搬式空調機の設置工事、令和</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3</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年度にリニューアルした町営プールの元金償還開始など</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による教育費の増加などによるものである。</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類似団体平均値との比較では概ね各項目は下回っている。これは寒川町が面積が狭いものの人口密度が高く、相対的に人口一人当たりコストが抑えられる傾向にあることがあげられる。</a:t>
          </a:r>
          <a:endParaRPr lang="ja-JP" altLang="ja-JP" sz="1200">
            <a:effectLst/>
            <a:latin typeface="ＭＳ 明朝" panose="02020609040205080304" pitchFamily="17" charset="-128"/>
            <a:ea typeface="ＭＳ 明朝" panose="02020609040205080304" pitchFamily="17" charset="-128"/>
          </a:endParaRPr>
        </a:p>
        <a:p>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今後は、高齢化の進行や公共施設等の老朽化に対する長寿命化等に対する経費など増加する可能性の高い費用があるため、町総合計画や公共施設等再編計画等より適正な事業実施に努め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baseline="0">
              <a:solidFill>
                <a:schemeClr val="dk1"/>
              </a:solidFill>
              <a:effectLst/>
              <a:latin typeface="+mn-lt"/>
              <a:ea typeface="+mn-ea"/>
              <a:cs typeface="+mn-cs"/>
            </a:rPr>
            <a:t>　</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実質収支比率について、令和</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4</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年度は</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18.83</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となり、前年度の</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22.76</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からは△</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3.93%</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の減となったが、近年のなかでは高い比率となっている。これは、納税義務者数の増や企業の設備投資による償却資産の増などから町税全体で</a:t>
          </a:r>
          <a:r>
            <a:rPr lang="en-US" altLang="ja-JP" sz="1200" b="0" i="0" baseline="0">
              <a:solidFill>
                <a:schemeClr val="dk1"/>
              </a:solidFill>
              <a:effectLst/>
              <a:latin typeface="ＭＳ 明朝" panose="02020609040205080304" pitchFamily="17" charset="-128"/>
              <a:ea typeface="ＭＳ 明朝" panose="02020609040205080304" pitchFamily="17" charset="-128"/>
              <a:cs typeface="+mn-cs"/>
            </a:rPr>
            <a:t>4.0</a:t>
          </a:r>
          <a:r>
            <a:rPr lang="ja-JP" altLang="ja-JP" sz="1200" b="0" i="0" baseline="0">
              <a:solidFill>
                <a:schemeClr val="dk1"/>
              </a:solidFill>
              <a:effectLst/>
              <a:latin typeface="ＭＳ 明朝" panose="02020609040205080304" pitchFamily="17" charset="-128"/>
              <a:ea typeface="ＭＳ 明朝" panose="02020609040205080304" pitchFamily="17" charset="-128"/>
              <a:cs typeface="+mn-cs"/>
            </a:rPr>
            <a:t>％の増となったことなどによるものである。</a:t>
          </a:r>
          <a:endParaRPr lang="ja-JP" altLang="ja-JP" sz="1200">
            <a:effectLst/>
            <a:latin typeface="ＭＳ 明朝" panose="02020609040205080304" pitchFamily="17" charset="-128"/>
            <a:ea typeface="ＭＳ 明朝" panose="02020609040205080304" pitchFamily="17" charset="-128"/>
          </a:endParaRPr>
        </a:p>
        <a:p>
          <a:pPr eaLnBrk="1" fontAlgn="auto" latinLnBrk="0" hangingPunct="1"/>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財政調整基金については、景気低迷の影響により、平成</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3</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に</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10</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億円を切ったことがあり、平成</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4</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以降は最低限の取崩とし、できる限り財政調整基金へ積立をするよう努めているため、増加傾向にある。</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平成</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21</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年度以降は、対象となる全ての会計において、経常経費の圧縮や不用額の執行凍結等により、毎年度黒字を確保しているため、連結実質赤字比率は算定されていない。</a:t>
          </a:r>
          <a:endParaRPr lang="ja-JP" altLang="ja-JP" sz="1200">
            <a:effectLst/>
            <a:latin typeface="ＭＳ 明朝" panose="02020609040205080304" pitchFamily="17" charset="-128"/>
            <a:ea typeface="ＭＳ 明朝" panose="02020609040205080304" pitchFamily="17" charset="-128"/>
          </a:endParaRPr>
        </a:p>
        <a:p>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今後も全会計についての予算執行過程を的確に管理し、赤字とならないよう、財政運営を行っていく。</a:t>
          </a:r>
          <a:endParaRPr lang="ja-JP" altLang="ja-JP" sz="1200">
            <a:effectLst/>
            <a:latin typeface="ＭＳ 明朝" panose="02020609040205080304" pitchFamily="17" charset="-128"/>
            <a:ea typeface="ＭＳ 明朝" panose="02020609040205080304" pitchFamily="17"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1796875" style="180" customWidth="1"/>
    <col min="13" max="17" width="2.36328125" style="180" customWidth="1"/>
    <col min="18" max="119" width="2.08984375" style="180" customWidth="1"/>
    <col min="120" max="16384" width="0" style="180" hidden="1"/>
  </cols>
  <sheetData>
    <row r="1" spans="1:119" ht="33" customHeight="1" x14ac:dyDescent="0.2">
      <c r="B1" s="627" t="s">
        <v>82</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81"/>
      <c r="DK1" s="181"/>
      <c r="DL1" s="181"/>
      <c r="DM1" s="181"/>
      <c r="DN1" s="181"/>
      <c r="DO1" s="181"/>
    </row>
    <row r="2" spans="1:119" ht="24" thickBot="1" x14ac:dyDescent="0.25">
      <c r="B2" s="182" t="s">
        <v>83</v>
      </c>
      <c r="C2" s="182"/>
      <c r="D2" s="183"/>
    </row>
    <row r="3" spans="1:119" ht="18.75" customHeight="1" thickBot="1" x14ac:dyDescent="0.25">
      <c r="A3" s="181"/>
      <c r="B3" s="628" t="s">
        <v>84</v>
      </c>
      <c r="C3" s="629"/>
      <c r="D3" s="629"/>
      <c r="E3" s="630"/>
      <c r="F3" s="630"/>
      <c r="G3" s="630"/>
      <c r="H3" s="630"/>
      <c r="I3" s="630"/>
      <c r="J3" s="630"/>
      <c r="K3" s="630"/>
      <c r="L3" s="630" t="s">
        <v>85</v>
      </c>
      <c r="M3" s="630"/>
      <c r="N3" s="630"/>
      <c r="O3" s="630"/>
      <c r="P3" s="630"/>
      <c r="Q3" s="630"/>
      <c r="R3" s="633"/>
      <c r="S3" s="633"/>
      <c r="T3" s="633"/>
      <c r="U3" s="633"/>
      <c r="V3" s="634"/>
      <c r="W3" s="524" t="s">
        <v>86</v>
      </c>
      <c r="X3" s="525"/>
      <c r="Y3" s="525"/>
      <c r="Z3" s="525"/>
      <c r="AA3" s="525"/>
      <c r="AB3" s="629"/>
      <c r="AC3" s="633" t="s">
        <v>87</v>
      </c>
      <c r="AD3" s="525"/>
      <c r="AE3" s="525"/>
      <c r="AF3" s="525"/>
      <c r="AG3" s="525"/>
      <c r="AH3" s="525"/>
      <c r="AI3" s="525"/>
      <c r="AJ3" s="525"/>
      <c r="AK3" s="525"/>
      <c r="AL3" s="595"/>
      <c r="AM3" s="524" t="s">
        <v>88</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9</v>
      </c>
      <c r="BO3" s="525"/>
      <c r="BP3" s="525"/>
      <c r="BQ3" s="525"/>
      <c r="BR3" s="525"/>
      <c r="BS3" s="525"/>
      <c r="BT3" s="525"/>
      <c r="BU3" s="595"/>
      <c r="BV3" s="524" t="s">
        <v>90</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1</v>
      </c>
      <c r="CU3" s="525"/>
      <c r="CV3" s="525"/>
      <c r="CW3" s="525"/>
      <c r="CX3" s="525"/>
      <c r="CY3" s="525"/>
      <c r="CZ3" s="525"/>
      <c r="DA3" s="595"/>
      <c r="DB3" s="524" t="s">
        <v>92</v>
      </c>
      <c r="DC3" s="525"/>
      <c r="DD3" s="525"/>
      <c r="DE3" s="525"/>
      <c r="DF3" s="525"/>
      <c r="DG3" s="525"/>
      <c r="DH3" s="525"/>
      <c r="DI3" s="595"/>
    </row>
    <row r="4" spans="1:119" ht="18.75" customHeight="1" x14ac:dyDescent="0.2">
      <c r="A4" s="181"/>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3</v>
      </c>
      <c r="AZ4" s="482"/>
      <c r="BA4" s="482"/>
      <c r="BB4" s="482"/>
      <c r="BC4" s="482"/>
      <c r="BD4" s="482"/>
      <c r="BE4" s="482"/>
      <c r="BF4" s="482"/>
      <c r="BG4" s="482"/>
      <c r="BH4" s="482"/>
      <c r="BI4" s="482"/>
      <c r="BJ4" s="482"/>
      <c r="BK4" s="482"/>
      <c r="BL4" s="482"/>
      <c r="BM4" s="483"/>
      <c r="BN4" s="484">
        <v>20901741</v>
      </c>
      <c r="BO4" s="485"/>
      <c r="BP4" s="485"/>
      <c r="BQ4" s="485"/>
      <c r="BR4" s="485"/>
      <c r="BS4" s="485"/>
      <c r="BT4" s="485"/>
      <c r="BU4" s="486"/>
      <c r="BV4" s="484">
        <v>19626002</v>
      </c>
      <c r="BW4" s="485"/>
      <c r="BX4" s="485"/>
      <c r="BY4" s="485"/>
      <c r="BZ4" s="485"/>
      <c r="CA4" s="485"/>
      <c r="CB4" s="485"/>
      <c r="CC4" s="486"/>
      <c r="CD4" s="621" t="s">
        <v>94</v>
      </c>
      <c r="CE4" s="622"/>
      <c r="CF4" s="622"/>
      <c r="CG4" s="622"/>
      <c r="CH4" s="622"/>
      <c r="CI4" s="622"/>
      <c r="CJ4" s="622"/>
      <c r="CK4" s="622"/>
      <c r="CL4" s="622"/>
      <c r="CM4" s="622"/>
      <c r="CN4" s="622"/>
      <c r="CO4" s="622"/>
      <c r="CP4" s="622"/>
      <c r="CQ4" s="622"/>
      <c r="CR4" s="622"/>
      <c r="CS4" s="623"/>
      <c r="CT4" s="624">
        <v>18.8</v>
      </c>
      <c r="CU4" s="625"/>
      <c r="CV4" s="625"/>
      <c r="CW4" s="625"/>
      <c r="CX4" s="625"/>
      <c r="CY4" s="625"/>
      <c r="CZ4" s="625"/>
      <c r="DA4" s="626"/>
      <c r="DB4" s="624">
        <v>22.8</v>
      </c>
      <c r="DC4" s="625"/>
      <c r="DD4" s="625"/>
      <c r="DE4" s="625"/>
      <c r="DF4" s="625"/>
      <c r="DG4" s="625"/>
      <c r="DH4" s="625"/>
      <c r="DI4" s="626"/>
    </row>
    <row r="5" spans="1:119" ht="18.75" customHeight="1" x14ac:dyDescent="0.2">
      <c r="A5" s="181"/>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5</v>
      </c>
      <c r="AN5" s="412"/>
      <c r="AO5" s="412"/>
      <c r="AP5" s="412"/>
      <c r="AQ5" s="412"/>
      <c r="AR5" s="412"/>
      <c r="AS5" s="412"/>
      <c r="AT5" s="413"/>
      <c r="AU5" s="513" t="s">
        <v>96</v>
      </c>
      <c r="AV5" s="514"/>
      <c r="AW5" s="514"/>
      <c r="AX5" s="514"/>
      <c r="AY5" s="469" t="s">
        <v>97</v>
      </c>
      <c r="AZ5" s="470"/>
      <c r="BA5" s="470"/>
      <c r="BB5" s="470"/>
      <c r="BC5" s="470"/>
      <c r="BD5" s="470"/>
      <c r="BE5" s="470"/>
      <c r="BF5" s="470"/>
      <c r="BG5" s="470"/>
      <c r="BH5" s="470"/>
      <c r="BI5" s="470"/>
      <c r="BJ5" s="470"/>
      <c r="BK5" s="470"/>
      <c r="BL5" s="470"/>
      <c r="BM5" s="471"/>
      <c r="BN5" s="455">
        <v>18851296</v>
      </c>
      <c r="BO5" s="456"/>
      <c r="BP5" s="456"/>
      <c r="BQ5" s="456"/>
      <c r="BR5" s="456"/>
      <c r="BS5" s="456"/>
      <c r="BT5" s="456"/>
      <c r="BU5" s="457"/>
      <c r="BV5" s="455">
        <v>17369237</v>
      </c>
      <c r="BW5" s="456"/>
      <c r="BX5" s="456"/>
      <c r="BY5" s="456"/>
      <c r="BZ5" s="456"/>
      <c r="CA5" s="456"/>
      <c r="CB5" s="456"/>
      <c r="CC5" s="457"/>
      <c r="CD5" s="495" t="s">
        <v>98</v>
      </c>
      <c r="CE5" s="415"/>
      <c r="CF5" s="415"/>
      <c r="CG5" s="415"/>
      <c r="CH5" s="415"/>
      <c r="CI5" s="415"/>
      <c r="CJ5" s="415"/>
      <c r="CK5" s="415"/>
      <c r="CL5" s="415"/>
      <c r="CM5" s="415"/>
      <c r="CN5" s="415"/>
      <c r="CO5" s="415"/>
      <c r="CP5" s="415"/>
      <c r="CQ5" s="415"/>
      <c r="CR5" s="415"/>
      <c r="CS5" s="496"/>
      <c r="CT5" s="452">
        <v>90.8</v>
      </c>
      <c r="CU5" s="453"/>
      <c r="CV5" s="453"/>
      <c r="CW5" s="453"/>
      <c r="CX5" s="453"/>
      <c r="CY5" s="453"/>
      <c r="CZ5" s="453"/>
      <c r="DA5" s="454"/>
      <c r="DB5" s="452">
        <v>91</v>
      </c>
      <c r="DC5" s="453"/>
      <c r="DD5" s="453"/>
      <c r="DE5" s="453"/>
      <c r="DF5" s="453"/>
      <c r="DG5" s="453"/>
      <c r="DH5" s="453"/>
      <c r="DI5" s="454"/>
    </row>
    <row r="6" spans="1:119" ht="18.75" customHeight="1" x14ac:dyDescent="0.2">
      <c r="A6" s="181"/>
      <c r="B6" s="601" t="s">
        <v>99</v>
      </c>
      <c r="C6" s="442"/>
      <c r="D6" s="442"/>
      <c r="E6" s="602"/>
      <c r="F6" s="602"/>
      <c r="G6" s="602"/>
      <c r="H6" s="602"/>
      <c r="I6" s="602"/>
      <c r="J6" s="602"/>
      <c r="K6" s="602"/>
      <c r="L6" s="602" t="s">
        <v>100</v>
      </c>
      <c r="M6" s="602"/>
      <c r="N6" s="602"/>
      <c r="O6" s="602"/>
      <c r="P6" s="602"/>
      <c r="Q6" s="602"/>
      <c r="R6" s="440"/>
      <c r="S6" s="440"/>
      <c r="T6" s="440"/>
      <c r="U6" s="440"/>
      <c r="V6" s="608"/>
      <c r="W6" s="545" t="s">
        <v>101</v>
      </c>
      <c r="X6" s="441"/>
      <c r="Y6" s="441"/>
      <c r="Z6" s="441"/>
      <c r="AA6" s="441"/>
      <c r="AB6" s="442"/>
      <c r="AC6" s="613" t="s">
        <v>102</v>
      </c>
      <c r="AD6" s="614"/>
      <c r="AE6" s="614"/>
      <c r="AF6" s="614"/>
      <c r="AG6" s="614"/>
      <c r="AH6" s="614"/>
      <c r="AI6" s="614"/>
      <c r="AJ6" s="614"/>
      <c r="AK6" s="614"/>
      <c r="AL6" s="615"/>
      <c r="AM6" s="512" t="s">
        <v>103</v>
      </c>
      <c r="AN6" s="412"/>
      <c r="AO6" s="412"/>
      <c r="AP6" s="412"/>
      <c r="AQ6" s="412"/>
      <c r="AR6" s="412"/>
      <c r="AS6" s="412"/>
      <c r="AT6" s="413"/>
      <c r="AU6" s="513" t="s">
        <v>104</v>
      </c>
      <c r="AV6" s="514"/>
      <c r="AW6" s="514"/>
      <c r="AX6" s="514"/>
      <c r="AY6" s="469" t="s">
        <v>105</v>
      </c>
      <c r="AZ6" s="470"/>
      <c r="BA6" s="470"/>
      <c r="BB6" s="470"/>
      <c r="BC6" s="470"/>
      <c r="BD6" s="470"/>
      <c r="BE6" s="470"/>
      <c r="BF6" s="470"/>
      <c r="BG6" s="470"/>
      <c r="BH6" s="470"/>
      <c r="BI6" s="470"/>
      <c r="BJ6" s="470"/>
      <c r="BK6" s="470"/>
      <c r="BL6" s="470"/>
      <c r="BM6" s="471"/>
      <c r="BN6" s="455">
        <v>2050445</v>
      </c>
      <c r="BO6" s="456"/>
      <c r="BP6" s="456"/>
      <c r="BQ6" s="456"/>
      <c r="BR6" s="456"/>
      <c r="BS6" s="456"/>
      <c r="BT6" s="456"/>
      <c r="BU6" s="457"/>
      <c r="BV6" s="455">
        <v>2256765</v>
      </c>
      <c r="BW6" s="456"/>
      <c r="BX6" s="456"/>
      <c r="BY6" s="456"/>
      <c r="BZ6" s="456"/>
      <c r="CA6" s="456"/>
      <c r="CB6" s="456"/>
      <c r="CC6" s="457"/>
      <c r="CD6" s="495" t="s">
        <v>106</v>
      </c>
      <c r="CE6" s="415"/>
      <c r="CF6" s="415"/>
      <c r="CG6" s="415"/>
      <c r="CH6" s="415"/>
      <c r="CI6" s="415"/>
      <c r="CJ6" s="415"/>
      <c r="CK6" s="415"/>
      <c r="CL6" s="415"/>
      <c r="CM6" s="415"/>
      <c r="CN6" s="415"/>
      <c r="CO6" s="415"/>
      <c r="CP6" s="415"/>
      <c r="CQ6" s="415"/>
      <c r="CR6" s="415"/>
      <c r="CS6" s="496"/>
      <c r="CT6" s="598">
        <v>90.8</v>
      </c>
      <c r="CU6" s="599"/>
      <c r="CV6" s="599"/>
      <c r="CW6" s="599"/>
      <c r="CX6" s="599"/>
      <c r="CY6" s="599"/>
      <c r="CZ6" s="599"/>
      <c r="DA6" s="600"/>
      <c r="DB6" s="598">
        <v>91</v>
      </c>
      <c r="DC6" s="599"/>
      <c r="DD6" s="599"/>
      <c r="DE6" s="599"/>
      <c r="DF6" s="599"/>
      <c r="DG6" s="599"/>
      <c r="DH6" s="599"/>
      <c r="DI6" s="600"/>
    </row>
    <row r="7" spans="1:119" ht="18.75" customHeight="1" x14ac:dyDescent="0.2">
      <c r="A7" s="181"/>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7</v>
      </c>
      <c r="AN7" s="412"/>
      <c r="AO7" s="412"/>
      <c r="AP7" s="412"/>
      <c r="AQ7" s="412"/>
      <c r="AR7" s="412"/>
      <c r="AS7" s="412"/>
      <c r="AT7" s="413"/>
      <c r="AU7" s="513" t="s">
        <v>108</v>
      </c>
      <c r="AV7" s="514"/>
      <c r="AW7" s="514"/>
      <c r="AX7" s="514"/>
      <c r="AY7" s="469" t="s">
        <v>109</v>
      </c>
      <c r="AZ7" s="470"/>
      <c r="BA7" s="470"/>
      <c r="BB7" s="470"/>
      <c r="BC7" s="470"/>
      <c r="BD7" s="470"/>
      <c r="BE7" s="470"/>
      <c r="BF7" s="470"/>
      <c r="BG7" s="470"/>
      <c r="BH7" s="470"/>
      <c r="BI7" s="470"/>
      <c r="BJ7" s="470"/>
      <c r="BK7" s="470"/>
      <c r="BL7" s="470"/>
      <c r="BM7" s="471"/>
      <c r="BN7" s="455">
        <v>103281</v>
      </c>
      <c r="BO7" s="456"/>
      <c r="BP7" s="456"/>
      <c r="BQ7" s="456"/>
      <c r="BR7" s="456"/>
      <c r="BS7" s="456"/>
      <c r="BT7" s="456"/>
      <c r="BU7" s="457"/>
      <c r="BV7" s="455">
        <v>96181</v>
      </c>
      <c r="BW7" s="456"/>
      <c r="BX7" s="456"/>
      <c r="BY7" s="456"/>
      <c r="BZ7" s="456"/>
      <c r="CA7" s="456"/>
      <c r="CB7" s="456"/>
      <c r="CC7" s="457"/>
      <c r="CD7" s="495" t="s">
        <v>110</v>
      </c>
      <c r="CE7" s="415"/>
      <c r="CF7" s="415"/>
      <c r="CG7" s="415"/>
      <c r="CH7" s="415"/>
      <c r="CI7" s="415"/>
      <c r="CJ7" s="415"/>
      <c r="CK7" s="415"/>
      <c r="CL7" s="415"/>
      <c r="CM7" s="415"/>
      <c r="CN7" s="415"/>
      <c r="CO7" s="415"/>
      <c r="CP7" s="415"/>
      <c r="CQ7" s="415"/>
      <c r="CR7" s="415"/>
      <c r="CS7" s="496"/>
      <c r="CT7" s="455">
        <v>10338887</v>
      </c>
      <c r="CU7" s="456"/>
      <c r="CV7" s="456"/>
      <c r="CW7" s="456"/>
      <c r="CX7" s="456"/>
      <c r="CY7" s="456"/>
      <c r="CZ7" s="456"/>
      <c r="DA7" s="457"/>
      <c r="DB7" s="455">
        <v>9492102</v>
      </c>
      <c r="DC7" s="456"/>
      <c r="DD7" s="456"/>
      <c r="DE7" s="456"/>
      <c r="DF7" s="456"/>
      <c r="DG7" s="456"/>
      <c r="DH7" s="456"/>
      <c r="DI7" s="457"/>
    </row>
    <row r="8" spans="1:119" ht="18.75" customHeight="1" thickBot="1" x14ac:dyDescent="0.25">
      <c r="A8" s="181"/>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11</v>
      </c>
      <c r="AN8" s="412"/>
      <c r="AO8" s="412"/>
      <c r="AP8" s="412"/>
      <c r="AQ8" s="412"/>
      <c r="AR8" s="412"/>
      <c r="AS8" s="412"/>
      <c r="AT8" s="413"/>
      <c r="AU8" s="513" t="s">
        <v>112</v>
      </c>
      <c r="AV8" s="514"/>
      <c r="AW8" s="514"/>
      <c r="AX8" s="514"/>
      <c r="AY8" s="469" t="s">
        <v>113</v>
      </c>
      <c r="AZ8" s="470"/>
      <c r="BA8" s="470"/>
      <c r="BB8" s="470"/>
      <c r="BC8" s="470"/>
      <c r="BD8" s="470"/>
      <c r="BE8" s="470"/>
      <c r="BF8" s="470"/>
      <c r="BG8" s="470"/>
      <c r="BH8" s="470"/>
      <c r="BI8" s="470"/>
      <c r="BJ8" s="470"/>
      <c r="BK8" s="470"/>
      <c r="BL8" s="470"/>
      <c r="BM8" s="471"/>
      <c r="BN8" s="455">
        <v>1947164</v>
      </c>
      <c r="BO8" s="456"/>
      <c r="BP8" s="456"/>
      <c r="BQ8" s="456"/>
      <c r="BR8" s="456"/>
      <c r="BS8" s="456"/>
      <c r="BT8" s="456"/>
      <c r="BU8" s="457"/>
      <c r="BV8" s="455">
        <v>2160584</v>
      </c>
      <c r="BW8" s="456"/>
      <c r="BX8" s="456"/>
      <c r="BY8" s="456"/>
      <c r="BZ8" s="456"/>
      <c r="CA8" s="456"/>
      <c r="CB8" s="456"/>
      <c r="CC8" s="457"/>
      <c r="CD8" s="495" t="s">
        <v>114</v>
      </c>
      <c r="CE8" s="415"/>
      <c r="CF8" s="415"/>
      <c r="CG8" s="415"/>
      <c r="CH8" s="415"/>
      <c r="CI8" s="415"/>
      <c r="CJ8" s="415"/>
      <c r="CK8" s="415"/>
      <c r="CL8" s="415"/>
      <c r="CM8" s="415"/>
      <c r="CN8" s="415"/>
      <c r="CO8" s="415"/>
      <c r="CP8" s="415"/>
      <c r="CQ8" s="415"/>
      <c r="CR8" s="415"/>
      <c r="CS8" s="496"/>
      <c r="CT8" s="558">
        <v>1.07</v>
      </c>
      <c r="CU8" s="559"/>
      <c r="CV8" s="559"/>
      <c r="CW8" s="559"/>
      <c r="CX8" s="559"/>
      <c r="CY8" s="559"/>
      <c r="CZ8" s="559"/>
      <c r="DA8" s="560"/>
      <c r="DB8" s="558">
        <v>1.06</v>
      </c>
      <c r="DC8" s="559"/>
      <c r="DD8" s="559"/>
      <c r="DE8" s="559"/>
      <c r="DF8" s="559"/>
      <c r="DG8" s="559"/>
      <c r="DH8" s="559"/>
      <c r="DI8" s="560"/>
    </row>
    <row r="9" spans="1:119" ht="18.75" customHeight="1" thickBot="1" x14ac:dyDescent="0.25">
      <c r="A9" s="181"/>
      <c r="B9" s="587" t="s">
        <v>115</v>
      </c>
      <c r="C9" s="588"/>
      <c r="D9" s="588"/>
      <c r="E9" s="588"/>
      <c r="F9" s="588"/>
      <c r="G9" s="588"/>
      <c r="H9" s="588"/>
      <c r="I9" s="588"/>
      <c r="J9" s="588"/>
      <c r="K9" s="506"/>
      <c r="L9" s="589" t="s">
        <v>116</v>
      </c>
      <c r="M9" s="590"/>
      <c r="N9" s="590"/>
      <c r="O9" s="590"/>
      <c r="P9" s="590"/>
      <c r="Q9" s="591"/>
      <c r="R9" s="592">
        <v>48348</v>
      </c>
      <c r="S9" s="593"/>
      <c r="T9" s="593"/>
      <c r="U9" s="593"/>
      <c r="V9" s="594"/>
      <c r="W9" s="524" t="s">
        <v>117</v>
      </c>
      <c r="X9" s="525"/>
      <c r="Y9" s="525"/>
      <c r="Z9" s="525"/>
      <c r="AA9" s="525"/>
      <c r="AB9" s="525"/>
      <c r="AC9" s="525"/>
      <c r="AD9" s="525"/>
      <c r="AE9" s="525"/>
      <c r="AF9" s="525"/>
      <c r="AG9" s="525"/>
      <c r="AH9" s="525"/>
      <c r="AI9" s="525"/>
      <c r="AJ9" s="525"/>
      <c r="AK9" s="525"/>
      <c r="AL9" s="595"/>
      <c r="AM9" s="512" t="s">
        <v>118</v>
      </c>
      <c r="AN9" s="412"/>
      <c r="AO9" s="412"/>
      <c r="AP9" s="412"/>
      <c r="AQ9" s="412"/>
      <c r="AR9" s="412"/>
      <c r="AS9" s="412"/>
      <c r="AT9" s="413"/>
      <c r="AU9" s="513" t="s">
        <v>112</v>
      </c>
      <c r="AV9" s="514"/>
      <c r="AW9" s="514"/>
      <c r="AX9" s="514"/>
      <c r="AY9" s="469" t="s">
        <v>119</v>
      </c>
      <c r="AZ9" s="470"/>
      <c r="BA9" s="470"/>
      <c r="BB9" s="470"/>
      <c r="BC9" s="470"/>
      <c r="BD9" s="470"/>
      <c r="BE9" s="470"/>
      <c r="BF9" s="470"/>
      <c r="BG9" s="470"/>
      <c r="BH9" s="470"/>
      <c r="BI9" s="470"/>
      <c r="BJ9" s="470"/>
      <c r="BK9" s="470"/>
      <c r="BL9" s="470"/>
      <c r="BM9" s="471"/>
      <c r="BN9" s="455">
        <v>-213420</v>
      </c>
      <c r="BO9" s="456"/>
      <c r="BP9" s="456"/>
      <c r="BQ9" s="456"/>
      <c r="BR9" s="456"/>
      <c r="BS9" s="456"/>
      <c r="BT9" s="456"/>
      <c r="BU9" s="457"/>
      <c r="BV9" s="455">
        <v>1169948</v>
      </c>
      <c r="BW9" s="456"/>
      <c r="BX9" s="456"/>
      <c r="BY9" s="456"/>
      <c r="BZ9" s="456"/>
      <c r="CA9" s="456"/>
      <c r="CB9" s="456"/>
      <c r="CC9" s="457"/>
      <c r="CD9" s="495" t="s">
        <v>120</v>
      </c>
      <c r="CE9" s="415"/>
      <c r="CF9" s="415"/>
      <c r="CG9" s="415"/>
      <c r="CH9" s="415"/>
      <c r="CI9" s="415"/>
      <c r="CJ9" s="415"/>
      <c r="CK9" s="415"/>
      <c r="CL9" s="415"/>
      <c r="CM9" s="415"/>
      <c r="CN9" s="415"/>
      <c r="CO9" s="415"/>
      <c r="CP9" s="415"/>
      <c r="CQ9" s="415"/>
      <c r="CR9" s="415"/>
      <c r="CS9" s="496"/>
      <c r="CT9" s="452">
        <v>7.3</v>
      </c>
      <c r="CU9" s="453"/>
      <c r="CV9" s="453"/>
      <c r="CW9" s="453"/>
      <c r="CX9" s="453"/>
      <c r="CY9" s="453"/>
      <c r="CZ9" s="453"/>
      <c r="DA9" s="454"/>
      <c r="DB9" s="452">
        <v>8.4</v>
      </c>
      <c r="DC9" s="453"/>
      <c r="DD9" s="453"/>
      <c r="DE9" s="453"/>
      <c r="DF9" s="453"/>
      <c r="DG9" s="453"/>
      <c r="DH9" s="453"/>
      <c r="DI9" s="454"/>
    </row>
    <row r="10" spans="1:119" ht="18.75" customHeight="1" thickBot="1" x14ac:dyDescent="0.25">
      <c r="A10" s="181"/>
      <c r="B10" s="587"/>
      <c r="C10" s="588"/>
      <c r="D10" s="588"/>
      <c r="E10" s="588"/>
      <c r="F10" s="588"/>
      <c r="G10" s="588"/>
      <c r="H10" s="588"/>
      <c r="I10" s="588"/>
      <c r="J10" s="588"/>
      <c r="K10" s="506"/>
      <c r="L10" s="411" t="s">
        <v>121</v>
      </c>
      <c r="M10" s="412"/>
      <c r="N10" s="412"/>
      <c r="O10" s="412"/>
      <c r="P10" s="412"/>
      <c r="Q10" s="413"/>
      <c r="R10" s="408">
        <v>47936</v>
      </c>
      <c r="S10" s="409"/>
      <c r="T10" s="409"/>
      <c r="U10" s="409"/>
      <c r="V10" s="468"/>
      <c r="W10" s="596"/>
      <c r="X10" s="406"/>
      <c r="Y10" s="406"/>
      <c r="Z10" s="406"/>
      <c r="AA10" s="406"/>
      <c r="AB10" s="406"/>
      <c r="AC10" s="406"/>
      <c r="AD10" s="406"/>
      <c r="AE10" s="406"/>
      <c r="AF10" s="406"/>
      <c r="AG10" s="406"/>
      <c r="AH10" s="406"/>
      <c r="AI10" s="406"/>
      <c r="AJ10" s="406"/>
      <c r="AK10" s="406"/>
      <c r="AL10" s="597"/>
      <c r="AM10" s="512" t="s">
        <v>122</v>
      </c>
      <c r="AN10" s="412"/>
      <c r="AO10" s="412"/>
      <c r="AP10" s="412"/>
      <c r="AQ10" s="412"/>
      <c r="AR10" s="412"/>
      <c r="AS10" s="412"/>
      <c r="AT10" s="413"/>
      <c r="AU10" s="513" t="s">
        <v>123</v>
      </c>
      <c r="AV10" s="514"/>
      <c r="AW10" s="514"/>
      <c r="AX10" s="514"/>
      <c r="AY10" s="469" t="s">
        <v>124</v>
      </c>
      <c r="AZ10" s="470"/>
      <c r="BA10" s="470"/>
      <c r="BB10" s="470"/>
      <c r="BC10" s="470"/>
      <c r="BD10" s="470"/>
      <c r="BE10" s="470"/>
      <c r="BF10" s="470"/>
      <c r="BG10" s="470"/>
      <c r="BH10" s="470"/>
      <c r="BI10" s="470"/>
      <c r="BJ10" s="470"/>
      <c r="BK10" s="470"/>
      <c r="BL10" s="470"/>
      <c r="BM10" s="471"/>
      <c r="BN10" s="455">
        <v>1597555</v>
      </c>
      <c r="BO10" s="456"/>
      <c r="BP10" s="456"/>
      <c r="BQ10" s="456"/>
      <c r="BR10" s="456"/>
      <c r="BS10" s="456"/>
      <c r="BT10" s="456"/>
      <c r="BU10" s="457"/>
      <c r="BV10" s="455">
        <v>773747</v>
      </c>
      <c r="BW10" s="456"/>
      <c r="BX10" s="456"/>
      <c r="BY10" s="456"/>
      <c r="BZ10" s="456"/>
      <c r="CA10" s="456"/>
      <c r="CB10" s="456"/>
      <c r="CC10" s="457"/>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87"/>
      <c r="C11" s="588"/>
      <c r="D11" s="588"/>
      <c r="E11" s="588"/>
      <c r="F11" s="588"/>
      <c r="G11" s="588"/>
      <c r="H11" s="588"/>
      <c r="I11" s="588"/>
      <c r="J11" s="588"/>
      <c r="K11" s="506"/>
      <c r="L11" s="416" t="s">
        <v>126</v>
      </c>
      <c r="M11" s="417"/>
      <c r="N11" s="417"/>
      <c r="O11" s="417"/>
      <c r="P11" s="417"/>
      <c r="Q11" s="418"/>
      <c r="R11" s="584" t="s">
        <v>127</v>
      </c>
      <c r="S11" s="585"/>
      <c r="T11" s="585"/>
      <c r="U11" s="585"/>
      <c r="V11" s="586"/>
      <c r="W11" s="596"/>
      <c r="X11" s="406"/>
      <c r="Y11" s="406"/>
      <c r="Z11" s="406"/>
      <c r="AA11" s="406"/>
      <c r="AB11" s="406"/>
      <c r="AC11" s="406"/>
      <c r="AD11" s="406"/>
      <c r="AE11" s="406"/>
      <c r="AF11" s="406"/>
      <c r="AG11" s="406"/>
      <c r="AH11" s="406"/>
      <c r="AI11" s="406"/>
      <c r="AJ11" s="406"/>
      <c r="AK11" s="406"/>
      <c r="AL11" s="597"/>
      <c r="AM11" s="512" t="s">
        <v>128</v>
      </c>
      <c r="AN11" s="412"/>
      <c r="AO11" s="412"/>
      <c r="AP11" s="412"/>
      <c r="AQ11" s="412"/>
      <c r="AR11" s="412"/>
      <c r="AS11" s="412"/>
      <c r="AT11" s="413"/>
      <c r="AU11" s="513" t="s">
        <v>123</v>
      </c>
      <c r="AV11" s="514"/>
      <c r="AW11" s="514"/>
      <c r="AX11" s="514"/>
      <c r="AY11" s="469" t="s">
        <v>129</v>
      </c>
      <c r="AZ11" s="470"/>
      <c r="BA11" s="470"/>
      <c r="BB11" s="470"/>
      <c r="BC11" s="470"/>
      <c r="BD11" s="470"/>
      <c r="BE11" s="470"/>
      <c r="BF11" s="470"/>
      <c r="BG11" s="470"/>
      <c r="BH11" s="470"/>
      <c r="BI11" s="470"/>
      <c r="BJ11" s="470"/>
      <c r="BK11" s="470"/>
      <c r="BL11" s="470"/>
      <c r="BM11" s="471"/>
      <c r="BN11" s="455">
        <v>0</v>
      </c>
      <c r="BO11" s="456"/>
      <c r="BP11" s="456"/>
      <c r="BQ11" s="456"/>
      <c r="BR11" s="456"/>
      <c r="BS11" s="456"/>
      <c r="BT11" s="456"/>
      <c r="BU11" s="457"/>
      <c r="BV11" s="455">
        <v>1150</v>
      </c>
      <c r="BW11" s="456"/>
      <c r="BX11" s="456"/>
      <c r="BY11" s="456"/>
      <c r="BZ11" s="456"/>
      <c r="CA11" s="456"/>
      <c r="CB11" s="456"/>
      <c r="CC11" s="457"/>
      <c r="CD11" s="495" t="s">
        <v>130</v>
      </c>
      <c r="CE11" s="415"/>
      <c r="CF11" s="415"/>
      <c r="CG11" s="415"/>
      <c r="CH11" s="415"/>
      <c r="CI11" s="415"/>
      <c r="CJ11" s="415"/>
      <c r="CK11" s="415"/>
      <c r="CL11" s="415"/>
      <c r="CM11" s="415"/>
      <c r="CN11" s="415"/>
      <c r="CO11" s="415"/>
      <c r="CP11" s="415"/>
      <c r="CQ11" s="415"/>
      <c r="CR11" s="415"/>
      <c r="CS11" s="496"/>
      <c r="CT11" s="558" t="s">
        <v>131</v>
      </c>
      <c r="CU11" s="559"/>
      <c r="CV11" s="559"/>
      <c r="CW11" s="559"/>
      <c r="CX11" s="559"/>
      <c r="CY11" s="559"/>
      <c r="CZ11" s="559"/>
      <c r="DA11" s="560"/>
      <c r="DB11" s="558" t="s">
        <v>131</v>
      </c>
      <c r="DC11" s="559"/>
      <c r="DD11" s="559"/>
      <c r="DE11" s="559"/>
      <c r="DF11" s="559"/>
      <c r="DG11" s="559"/>
      <c r="DH11" s="559"/>
      <c r="DI11" s="560"/>
    </row>
    <row r="12" spans="1:119" ht="18.75" customHeight="1" x14ac:dyDescent="0.2">
      <c r="A12" s="181"/>
      <c r="B12" s="561" t="s">
        <v>132</v>
      </c>
      <c r="C12" s="562"/>
      <c r="D12" s="562"/>
      <c r="E12" s="562"/>
      <c r="F12" s="562"/>
      <c r="G12" s="562"/>
      <c r="H12" s="562"/>
      <c r="I12" s="562"/>
      <c r="J12" s="562"/>
      <c r="K12" s="563"/>
      <c r="L12" s="570" t="s">
        <v>133</v>
      </c>
      <c r="M12" s="571"/>
      <c r="N12" s="571"/>
      <c r="O12" s="571"/>
      <c r="P12" s="571"/>
      <c r="Q12" s="572"/>
      <c r="R12" s="573">
        <v>49063</v>
      </c>
      <c r="S12" s="574"/>
      <c r="T12" s="574"/>
      <c r="U12" s="574"/>
      <c r="V12" s="575"/>
      <c r="W12" s="576" t="s">
        <v>1</v>
      </c>
      <c r="X12" s="514"/>
      <c r="Y12" s="514"/>
      <c r="Z12" s="514"/>
      <c r="AA12" s="514"/>
      <c r="AB12" s="577"/>
      <c r="AC12" s="578" t="s">
        <v>134</v>
      </c>
      <c r="AD12" s="579"/>
      <c r="AE12" s="579"/>
      <c r="AF12" s="579"/>
      <c r="AG12" s="580"/>
      <c r="AH12" s="578" t="s">
        <v>135</v>
      </c>
      <c r="AI12" s="579"/>
      <c r="AJ12" s="579"/>
      <c r="AK12" s="579"/>
      <c r="AL12" s="581"/>
      <c r="AM12" s="512" t="s">
        <v>136</v>
      </c>
      <c r="AN12" s="412"/>
      <c r="AO12" s="412"/>
      <c r="AP12" s="412"/>
      <c r="AQ12" s="412"/>
      <c r="AR12" s="412"/>
      <c r="AS12" s="412"/>
      <c r="AT12" s="413"/>
      <c r="AU12" s="513" t="s">
        <v>123</v>
      </c>
      <c r="AV12" s="514"/>
      <c r="AW12" s="514"/>
      <c r="AX12" s="514"/>
      <c r="AY12" s="469" t="s">
        <v>137</v>
      </c>
      <c r="AZ12" s="470"/>
      <c r="BA12" s="470"/>
      <c r="BB12" s="470"/>
      <c r="BC12" s="470"/>
      <c r="BD12" s="470"/>
      <c r="BE12" s="470"/>
      <c r="BF12" s="470"/>
      <c r="BG12" s="470"/>
      <c r="BH12" s="470"/>
      <c r="BI12" s="470"/>
      <c r="BJ12" s="470"/>
      <c r="BK12" s="470"/>
      <c r="BL12" s="470"/>
      <c r="BM12" s="471"/>
      <c r="BN12" s="455">
        <v>949288</v>
      </c>
      <c r="BO12" s="456"/>
      <c r="BP12" s="456"/>
      <c r="BQ12" s="456"/>
      <c r="BR12" s="456"/>
      <c r="BS12" s="456"/>
      <c r="BT12" s="456"/>
      <c r="BU12" s="457"/>
      <c r="BV12" s="455">
        <v>649079</v>
      </c>
      <c r="BW12" s="456"/>
      <c r="BX12" s="456"/>
      <c r="BY12" s="456"/>
      <c r="BZ12" s="456"/>
      <c r="CA12" s="456"/>
      <c r="CB12" s="456"/>
      <c r="CC12" s="457"/>
      <c r="CD12" s="495" t="s">
        <v>138</v>
      </c>
      <c r="CE12" s="415"/>
      <c r="CF12" s="415"/>
      <c r="CG12" s="415"/>
      <c r="CH12" s="415"/>
      <c r="CI12" s="415"/>
      <c r="CJ12" s="415"/>
      <c r="CK12" s="415"/>
      <c r="CL12" s="415"/>
      <c r="CM12" s="415"/>
      <c r="CN12" s="415"/>
      <c r="CO12" s="415"/>
      <c r="CP12" s="415"/>
      <c r="CQ12" s="415"/>
      <c r="CR12" s="415"/>
      <c r="CS12" s="496"/>
      <c r="CT12" s="558" t="s">
        <v>139</v>
      </c>
      <c r="CU12" s="559"/>
      <c r="CV12" s="559"/>
      <c r="CW12" s="559"/>
      <c r="CX12" s="559"/>
      <c r="CY12" s="559"/>
      <c r="CZ12" s="559"/>
      <c r="DA12" s="560"/>
      <c r="DB12" s="558" t="s">
        <v>139</v>
      </c>
      <c r="DC12" s="559"/>
      <c r="DD12" s="559"/>
      <c r="DE12" s="559"/>
      <c r="DF12" s="559"/>
      <c r="DG12" s="559"/>
      <c r="DH12" s="559"/>
      <c r="DI12" s="560"/>
    </row>
    <row r="13" spans="1:119" ht="18.75" customHeight="1" x14ac:dyDescent="0.2">
      <c r="A13" s="181"/>
      <c r="B13" s="564"/>
      <c r="C13" s="565"/>
      <c r="D13" s="565"/>
      <c r="E13" s="565"/>
      <c r="F13" s="565"/>
      <c r="G13" s="565"/>
      <c r="H13" s="565"/>
      <c r="I13" s="565"/>
      <c r="J13" s="565"/>
      <c r="K13" s="566"/>
      <c r="L13" s="190"/>
      <c r="M13" s="539" t="s">
        <v>140</v>
      </c>
      <c r="N13" s="540"/>
      <c r="O13" s="540"/>
      <c r="P13" s="540"/>
      <c r="Q13" s="541"/>
      <c r="R13" s="542">
        <v>48001</v>
      </c>
      <c r="S13" s="543"/>
      <c r="T13" s="543"/>
      <c r="U13" s="543"/>
      <c r="V13" s="544"/>
      <c r="W13" s="545" t="s">
        <v>141</v>
      </c>
      <c r="X13" s="441"/>
      <c r="Y13" s="441"/>
      <c r="Z13" s="441"/>
      <c r="AA13" s="441"/>
      <c r="AB13" s="442"/>
      <c r="AC13" s="408">
        <v>426</v>
      </c>
      <c r="AD13" s="409"/>
      <c r="AE13" s="409"/>
      <c r="AF13" s="409"/>
      <c r="AG13" s="410"/>
      <c r="AH13" s="408">
        <v>487</v>
      </c>
      <c r="AI13" s="409"/>
      <c r="AJ13" s="409"/>
      <c r="AK13" s="409"/>
      <c r="AL13" s="468"/>
      <c r="AM13" s="512" t="s">
        <v>142</v>
      </c>
      <c r="AN13" s="412"/>
      <c r="AO13" s="412"/>
      <c r="AP13" s="412"/>
      <c r="AQ13" s="412"/>
      <c r="AR13" s="412"/>
      <c r="AS13" s="412"/>
      <c r="AT13" s="413"/>
      <c r="AU13" s="513" t="s">
        <v>104</v>
      </c>
      <c r="AV13" s="514"/>
      <c r="AW13" s="514"/>
      <c r="AX13" s="514"/>
      <c r="AY13" s="469" t="s">
        <v>143</v>
      </c>
      <c r="AZ13" s="470"/>
      <c r="BA13" s="470"/>
      <c r="BB13" s="470"/>
      <c r="BC13" s="470"/>
      <c r="BD13" s="470"/>
      <c r="BE13" s="470"/>
      <c r="BF13" s="470"/>
      <c r="BG13" s="470"/>
      <c r="BH13" s="470"/>
      <c r="BI13" s="470"/>
      <c r="BJ13" s="470"/>
      <c r="BK13" s="470"/>
      <c r="BL13" s="470"/>
      <c r="BM13" s="471"/>
      <c r="BN13" s="455">
        <v>434847</v>
      </c>
      <c r="BO13" s="456"/>
      <c r="BP13" s="456"/>
      <c r="BQ13" s="456"/>
      <c r="BR13" s="456"/>
      <c r="BS13" s="456"/>
      <c r="BT13" s="456"/>
      <c r="BU13" s="457"/>
      <c r="BV13" s="455">
        <v>1295766</v>
      </c>
      <c r="BW13" s="456"/>
      <c r="BX13" s="456"/>
      <c r="BY13" s="456"/>
      <c r="BZ13" s="456"/>
      <c r="CA13" s="456"/>
      <c r="CB13" s="456"/>
      <c r="CC13" s="457"/>
      <c r="CD13" s="495" t="s">
        <v>144</v>
      </c>
      <c r="CE13" s="415"/>
      <c r="CF13" s="415"/>
      <c r="CG13" s="415"/>
      <c r="CH13" s="415"/>
      <c r="CI13" s="415"/>
      <c r="CJ13" s="415"/>
      <c r="CK13" s="415"/>
      <c r="CL13" s="415"/>
      <c r="CM13" s="415"/>
      <c r="CN13" s="415"/>
      <c r="CO13" s="415"/>
      <c r="CP13" s="415"/>
      <c r="CQ13" s="415"/>
      <c r="CR13" s="415"/>
      <c r="CS13" s="496"/>
      <c r="CT13" s="452">
        <v>3.3</v>
      </c>
      <c r="CU13" s="453"/>
      <c r="CV13" s="453"/>
      <c r="CW13" s="453"/>
      <c r="CX13" s="453"/>
      <c r="CY13" s="453"/>
      <c r="CZ13" s="453"/>
      <c r="DA13" s="454"/>
      <c r="DB13" s="452">
        <v>3.1</v>
      </c>
      <c r="DC13" s="453"/>
      <c r="DD13" s="453"/>
      <c r="DE13" s="453"/>
      <c r="DF13" s="453"/>
      <c r="DG13" s="453"/>
      <c r="DH13" s="453"/>
      <c r="DI13" s="454"/>
    </row>
    <row r="14" spans="1:119" ht="18.75" customHeight="1" thickBot="1" x14ac:dyDescent="0.25">
      <c r="A14" s="181"/>
      <c r="B14" s="564"/>
      <c r="C14" s="565"/>
      <c r="D14" s="565"/>
      <c r="E14" s="565"/>
      <c r="F14" s="565"/>
      <c r="G14" s="565"/>
      <c r="H14" s="565"/>
      <c r="I14" s="565"/>
      <c r="J14" s="565"/>
      <c r="K14" s="566"/>
      <c r="L14" s="529" t="s">
        <v>145</v>
      </c>
      <c r="M14" s="582"/>
      <c r="N14" s="582"/>
      <c r="O14" s="582"/>
      <c r="P14" s="582"/>
      <c r="Q14" s="583"/>
      <c r="R14" s="542">
        <v>49064</v>
      </c>
      <c r="S14" s="543"/>
      <c r="T14" s="543"/>
      <c r="U14" s="543"/>
      <c r="V14" s="544"/>
      <c r="W14" s="546"/>
      <c r="X14" s="444"/>
      <c r="Y14" s="444"/>
      <c r="Z14" s="444"/>
      <c r="AA14" s="444"/>
      <c r="AB14" s="445"/>
      <c r="AC14" s="535">
        <v>1.9</v>
      </c>
      <c r="AD14" s="536"/>
      <c r="AE14" s="536"/>
      <c r="AF14" s="536"/>
      <c r="AG14" s="537"/>
      <c r="AH14" s="535">
        <v>2.2000000000000002</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6</v>
      </c>
      <c r="CE14" s="493"/>
      <c r="CF14" s="493"/>
      <c r="CG14" s="493"/>
      <c r="CH14" s="493"/>
      <c r="CI14" s="493"/>
      <c r="CJ14" s="493"/>
      <c r="CK14" s="493"/>
      <c r="CL14" s="493"/>
      <c r="CM14" s="493"/>
      <c r="CN14" s="493"/>
      <c r="CO14" s="493"/>
      <c r="CP14" s="493"/>
      <c r="CQ14" s="493"/>
      <c r="CR14" s="493"/>
      <c r="CS14" s="494"/>
      <c r="CT14" s="552" t="s">
        <v>147</v>
      </c>
      <c r="CU14" s="553"/>
      <c r="CV14" s="553"/>
      <c r="CW14" s="553"/>
      <c r="CX14" s="553"/>
      <c r="CY14" s="553"/>
      <c r="CZ14" s="553"/>
      <c r="DA14" s="554"/>
      <c r="DB14" s="552" t="s">
        <v>147</v>
      </c>
      <c r="DC14" s="553"/>
      <c r="DD14" s="553"/>
      <c r="DE14" s="553"/>
      <c r="DF14" s="553"/>
      <c r="DG14" s="553"/>
      <c r="DH14" s="553"/>
      <c r="DI14" s="554"/>
    </row>
    <row r="15" spans="1:119" ht="18.75" customHeight="1" x14ac:dyDescent="0.2">
      <c r="A15" s="181"/>
      <c r="B15" s="564"/>
      <c r="C15" s="565"/>
      <c r="D15" s="565"/>
      <c r="E15" s="565"/>
      <c r="F15" s="565"/>
      <c r="G15" s="565"/>
      <c r="H15" s="565"/>
      <c r="I15" s="565"/>
      <c r="J15" s="565"/>
      <c r="K15" s="566"/>
      <c r="L15" s="190"/>
      <c r="M15" s="539" t="s">
        <v>140</v>
      </c>
      <c r="N15" s="540"/>
      <c r="O15" s="540"/>
      <c r="P15" s="540"/>
      <c r="Q15" s="541"/>
      <c r="R15" s="542">
        <v>48062</v>
      </c>
      <c r="S15" s="543"/>
      <c r="T15" s="543"/>
      <c r="U15" s="543"/>
      <c r="V15" s="544"/>
      <c r="W15" s="545" t="s">
        <v>148</v>
      </c>
      <c r="X15" s="441"/>
      <c r="Y15" s="441"/>
      <c r="Z15" s="441"/>
      <c r="AA15" s="441"/>
      <c r="AB15" s="442"/>
      <c r="AC15" s="408">
        <v>7293</v>
      </c>
      <c r="AD15" s="409"/>
      <c r="AE15" s="409"/>
      <c r="AF15" s="409"/>
      <c r="AG15" s="410"/>
      <c r="AH15" s="408">
        <v>7629</v>
      </c>
      <c r="AI15" s="409"/>
      <c r="AJ15" s="409"/>
      <c r="AK15" s="409"/>
      <c r="AL15" s="468"/>
      <c r="AM15" s="512"/>
      <c r="AN15" s="412"/>
      <c r="AO15" s="412"/>
      <c r="AP15" s="412"/>
      <c r="AQ15" s="412"/>
      <c r="AR15" s="412"/>
      <c r="AS15" s="412"/>
      <c r="AT15" s="413"/>
      <c r="AU15" s="513"/>
      <c r="AV15" s="514"/>
      <c r="AW15" s="514"/>
      <c r="AX15" s="514"/>
      <c r="AY15" s="481" t="s">
        <v>149</v>
      </c>
      <c r="AZ15" s="482"/>
      <c r="BA15" s="482"/>
      <c r="BB15" s="482"/>
      <c r="BC15" s="482"/>
      <c r="BD15" s="482"/>
      <c r="BE15" s="482"/>
      <c r="BF15" s="482"/>
      <c r="BG15" s="482"/>
      <c r="BH15" s="482"/>
      <c r="BI15" s="482"/>
      <c r="BJ15" s="482"/>
      <c r="BK15" s="482"/>
      <c r="BL15" s="482"/>
      <c r="BM15" s="483"/>
      <c r="BN15" s="484">
        <v>8077789</v>
      </c>
      <c r="BO15" s="485"/>
      <c r="BP15" s="485"/>
      <c r="BQ15" s="485"/>
      <c r="BR15" s="485"/>
      <c r="BS15" s="485"/>
      <c r="BT15" s="485"/>
      <c r="BU15" s="486"/>
      <c r="BV15" s="484">
        <v>7424360</v>
      </c>
      <c r="BW15" s="485"/>
      <c r="BX15" s="485"/>
      <c r="BY15" s="485"/>
      <c r="BZ15" s="485"/>
      <c r="CA15" s="485"/>
      <c r="CB15" s="485"/>
      <c r="CC15" s="486"/>
      <c r="CD15" s="555" t="s">
        <v>150</v>
      </c>
      <c r="CE15" s="556"/>
      <c r="CF15" s="556"/>
      <c r="CG15" s="556"/>
      <c r="CH15" s="556"/>
      <c r="CI15" s="556"/>
      <c r="CJ15" s="556"/>
      <c r="CK15" s="556"/>
      <c r="CL15" s="556"/>
      <c r="CM15" s="556"/>
      <c r="CN15" s="556"/>
      <c r="CO15" s="556"/>
      <c r="CP15" s="556"/>
      <c r="CQ15" s="556"/>
      <c r="CR15" s="556"/>
      <c r="CS15" s="557"/>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64"/>
      <c r="C16" s="565"/>
      <c r="D16" s="565"/>
      <c r="E16" s="565"/>
      <c r="F16" s="565"/>
      <c r="G16" s="565"/>
      <c r="H16" s="565"/>
      <c r="I16" s="565"/>
      <c r="J16" s="565"/>
      <c r="K16" s="566"/>
      <c r="L16" s="529" t="s">
        <v>151</v>
      </c>
      <c r="M16" s="530"/>
      <c r="N16" s="530"/>
      <c r="O16" s="530"/>
      <c r="P16" s="530"/>
      <c r="Q16" s="531"/>
      <c r="R16" s="532" t="s">
        <v>152</v>
      </c>
      <c r="S16" s="533"/>
      <c r="T16" s="533"/>
      <c r="U16" s="533"/>
      <c r="V16" s="534"/>
      <c r="W16" s="546"/>
      <c r="X16" s="444"/>
      <c r="Y16" s="444"/>
      <c r="Z16" s="444"/>
      <c r="AA16" s="444"/>
      <c r="AB16" s="445"/>
      <c r="AC16" s="535">
        <v>32.6</v>
      </c>
      <c r="AD16" s="536"/>
      <c r="AE16" s="536"/>
      <c r="AF16" s="536"/>
      <c r="AG16" s="537"/>
      <c r="AH16" s="535">
        <v>34.299999999999997</v>
      </c>
      <c r="AI16" s="536"/>
      <c r="AJ16" s="536"/>
      <c r="AK16" s="536"/>
      <c r="AL16" s="538"/>
      <c r="AM16" s="512"/>
      <c r="AN16" s="412"/>
      <c r="AO16" s="412"/>
      <c r="AP16" s="412"/>
      <c r="AQ16" s="412"/>
      <c r="AR16" s="412"/>
      <c r="AS16" s="412"/>
      <c r="AT16" s="413"/>
      <c r="AU16" s="513"/>
      <c r="AV16" s="514"/>
      <c r="AW16" s="514"/>
      <c r="AX16" s="514"/>
      <c r="AY16" s="469" t="s">
        <v>153</v>
      </c>
      <c r="AZ16" s="470"/>
      <c r="BA16" s="470"/>
      <c r="BB16" s="470"/>
      <c r="BC16" s="470"/>
      <c r="BD16" s="470"/>
      <c r="BE16" s="470"/>
      <c r="BF16" s="470"/>
      <c r="BG16" s="470"/>
      <c r="BH16" s="470"/>
      <c r="BI16" s="470"/>
      <c r="BJ16" s="470"/>
      <c r="BK16" s="470"/>
      <c r="BL16" s="470"/>
      <c r="BM16" s="471"/>
      <c r="BN16" s="455">
        <v>7273264</v>
      </c>
      <c r="BO16" s="456"/>
      <c r="BP16" s="456"/>
      <c r="BQ16" s="456"/>
      <c r="BR16" s="456"/>
      <c r="BS16" s="456"/>
      <c r="BT16" s="456"/>
      <c r="BU16" s="457"/>
      <c r="BV16" s="455">
        <v>7375384</v>
      </c>
      <c r="BW16" s="456"/>
      <c r="BX16" s="456"/>
      <c r="BY16" s="456"/>
      <c r="BZ16" s="456"/>
      <c r="CA16" s="456"/>
      <c r="CB16" s="456"/>
      <c r="CC16" s="457"/>
      <c r="CD16" s="194"/>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81"/>
      <c r="B17" s="567"/>
      <c r="C17" s="568"/>
      <c r="D17" s="568"/>
      <c r="E17" s="568"/>
      <c r="F17" s="568"/>
      <c r="G17" s="568"/>
      <c r="H17" s="568"/>
      <c r="I17" s="568"/>
      <c r="J17" s="568"/>
      <c r="K17" s="569"/>
      <c r="L17" s="195"/>
      <c r="M17" s="548" t="s">
        <v>154</v>
      </c>
      <c r="N17" s="549"/>
      <c r="O17" s="549"/>
      <c r="P17" s="549"/>
      <c r="Q17" s="550"/>
      <c r="R17" s="532" t="s">
        <v>155</v>
      </c>
      <c r="S17" s="533"/>
      <c r="T17" s="533"/>
      <c r="U17" s="533"/>
      <c r="V17" s="534"/>
      <c r="W17" s="545" t="s">
        <v>156</v>
      </c>
      <c r="X17" s="441"/>
      <c r="Y17" s="441"/>
      <c r="Z17" s="441"/>
      <c r="AA17" s="441"/>
      <c r="AB17" s="442"/>
      <c r="AC17" s="408">
        <v>14626</v>
      </c>
      <c r="AD17" s="409"/>
      <c r="AE17" s="409"/>
      <c r="AF17" s="409"/>
      <c r="AG17" s="410"/>
      <c r="AH17" s="408">
        <v>14116</v>
      </c>
      <c r="AI17" s="409"/>
      <c r="AJ17" s="409"/>
      <c r="AK17" s="409"/>
      <c r="AL17" s="468"/>
      <c r="AM17" s="512"/>
      <c r="AN17" s="412"/>
      <c r="AO17" s="412"/>
      <c r="AP17" s="412"/>
      <c r="AQ17" s="412"/>
      <c r="AR17" s="412"/>
      <c r="AS17" s="412"/>
      <c r="AT17" s="413"/>
      <c r="AU17" s="513"/>
      <c r="AV17" s="514"/>
      <c r="AW17" s="514"/>
      <c r="AX17" s="514"/>
      <c r="AY17" s="469" t="s">
        <v>157</v>
      </c>
      <c r="AZ17" s="470"/>
      <c r="BA17" s="470"/>
      <c r="BB17" s="470"/>
      <c r="BC17" s="470"/>
      <c r="BD17" s="470"/>
      <c r="BE17" s="470"/>
      <c r="BF17" s="470"/>
      <c r="BG17" s="470"/>
      <c r="BH17" s="470"/>
      <c r="BI17" s="470"/>
      <c r="BJ17" s="470"/>
      <c r="BK17" s="470"/>
      <c r="BL17" s="470"/>
      <c r="BM17" s="471"/>
      <c r="BN17" s="455">
        <v>10338887</v>
      </c>
      <c r="BO17" s="456"/>
      <c r="BP17" s="456"/>
      <c r="BQ17" s="456"/>
      <c r="BR17" s="456"/>
      <c r="BS17" s="456"/>
      <c r="BT17" s="456"/>
      <c r="BU17" s="457"/>
      <c r="BV17" s="455">
        <v>9492102</v>
      </c>
      <c r="BW17" s="456"/>
      <c r="BX17" s="456"/>
      <c r="BY17" s="456"/>
      <c r="BZ17" s="456"/>
      <c r="CA17" s="456"/>
      <c r="CB17" s="456"/>
      <c r="CC17" s="457"/>
      <c r="CD17" s="194"/>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81"/>
      <c r="B18" s="505" t="s">
        <v>158</v>
      </c>
      <c r="C18" s="506"/>
      <c r="D18" s="506"/>
      <c r="E18" s="507"/>
      <c r="F18" s="507"/>
      <c r="G18" s="507"/>
      <c r="H18" s="507"/>
      <c r="I18" s="507"/>
      <c r="J18" s="507"/>
      <c r="K18" s="507"/>
      <c r="L18" s="508">
        <v>13.34</v>
      </c>
      <c r="M18" s="508"/>
      <c r="N18" s="508"/>
      <c r="O18" s="508"/>
      <c r="P18" s="508"/>
      <c r="Q18" s="508"/>
      <c r="R18" s="509"/>
      <c r="S18" s="509"/>
      <c r="T18" s="509"/>
      <c r="U18" s="509"/>
      <c r="V18" s="510"/>
      <c r="W18" s="526"/>
      <c r="X18" s="527"/>
      <c r="Y18" s="527"/>
      <c r="Z18" s="527"/>
      <c r="AA18" s="527"/>
      <c r="AB18" s="551"/>
      <c r="AC18" s="425">
        <v>65.5</v>
      </c>
      <c r="AD18" s="426"/>
      <c r="AE18" s="426"/>
      <c r="AF18" s="426"/>
      <c r="AG18" s="511"/>
      <c r="AH18" s="425">
        <v>63.5</v>
      </c>
      <c r="AI18" s="426"/>
      <c r="AJ18" s="426"/>
      <c r="AK18" s="426"/>
      <c r="AL18" s="427"/>
      <c r="AM18" s="512"/>
      <c r="AN18" s="412"/>
      <c r="AO18" s="412"/>
      <c r="AP18" s="412"/>
      <c r="AQ18" s="412"/>
      <c r="AR18" s="412"/>
      <c r="AS18" s="412"/>
      <c r="AT18" s="413"/>
      <c r="AU18" s="513"/>
      <c r="AV18" s="514"/>
      <c r="AW18" s="514"/>
      <c r="AX18" s="514"/>
      <c r="AY18" s="469" t="s">
        <v>159</v>
      </c>
      <c r="AZ18" s="470"/>
      <c r="BA18" s="470"/>
      <c r="BB18" s="470"/>
      <c r="BC18" s="470"/>
      <c r="BD18" s="470"/>
      <c r="BE18" s="470"/>
      <c r="BF18" s="470"/>
      <c r="BG18" s="470"/>
      <c r="BH18" s="470"/>
      <c r="BI18" s="470"/>
      <c r="BJ18" s="470"/>
      <c r="BK18" s="470"/>
      <c r="BL18" s="470"/>
      <c r="BM18" s="471"/>
      <c r="BN18" s="455">
        <v>9579376</v>
      </c>
      <c r="BO18" s="456"/>
      <c r="BP18" s="456"/>
      <c r="BQ18" s="456"/>
      <c r="BR18" s="456"/>
      <c r="BS18" s="456"/>
      <c r="BT18" s="456"/>
      <c r="BU18" s="457"/>
      <c r="BV18" s="455">
        <v>9263328</v>
      </c>
      <c r="BW18" s="456"/>
      <c r="BX18" s="456"/>
      <c r="BY18" s="456"/>
      <c r="BZ18" s="456"/>
      <c r="CA18" s="456"/>
      <c r="CB18" s="456"/>
      <c r="CC18" s="457"/>
      <c r="CD18" s="194"/>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81"/>
      <c r="B19" s="505" t="s">
        <v>160</v>
      </c>
      <c r="C19" s="506"/>
      <c r="D19" s="506"/>
      <c r="E19" s="507"/>
      <c r="F19" s="507"/>
      <c r="G19" s="507"/>
      <c r="H19" s="507"/>
      <c r="I19" s="507"/>
      <c r="J19" s="507"/>
      <c r="K19" s="507"/>
      <c r="L19" s="515">
        <v>3624</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61</v>
      </c>
      <c r="AZ19" s="470"/>
      <c r="BA19" s="470"/>
      <c r="BB19" s="470"/>
      <c r="BC19" s="470"/>
      <c r="BD19" s="470"/>
      <c r="BE19" s="470"/>
      <c r="BF19" s="470"/>
      <c r="BG19" s="470"/>
      <c r="BH19" s="470"/>
      <c r="BI19" s="470"/>
      <c r="BJ19" s="470"/>
      <c r="BK19" s="470"/>
      <c r="BL19" s="470"/>
      <c r="BM19" s="471"/>
      <c r="BN19" s="455">
        <v>14737529</v>
      </c>
      <c r="BO19" s="456"/>
      <c r="BP19" s="456"/>
      <c r="BQ19" s="456"/>
      <c r="BR19" s="456"/>
      <c r="BS19" s="456"/>
      <c r="BT19" s="456"/>
      <c r="BU19" s="457"/>
      <c r="BV19" s="455">
        <v>13096709</v>
      </c>
      <c r="BW19" s="456"/>
      <c r="BX19" s="456"/>
      <c r="BY19" s="456"/>
      <c r="BZ19" s="456"/>
      <c r="CA19" s="456"/>
      <c r="CB19" s="456"/>
      <c r="CC19" s="457"/>
      <c r="CD19" s="194"/>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81"/>
      <c r="B20" s="505" t="s">
        <v>162</v>
      </c>
      <c r="C20" s="506"/>
      <c r="D20" s="506"/>
      <c r="E20" s="507"/>
      <c r="F20" s="507"/>
      <c r="G20" s="507"/>
      <c r="H20" s="507"/>
      <c r="I20" s="507"/>
      <c r="J20" s="507"/>
      <c r="K20" s="507"/>
      <c r="L20" s="515">
        <v>19862</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4"/>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81"/>
      <c r="B21" s="502" t="s">
        <v>163</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4"/>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81"/>
      <c r="B22" s="431" t="s">
        <v>164</v>
      </c>
      <c r="C22" s="432"/>
      <c r="D22" s="433"/>
      <c r="E22" s="440" t="s">
        <v>1</v>
      </c>
      <c r="F22" s="441"/>
      <c r="G22" s="441"/>
      <c r="H22" s="441"/>
      <c r="I22" s="441"/>
      <c r="J22" s="441"/>
      <c r="K22" s="442"/>
      <c r="L22" s="440" t="s">
        <v>165</v>
      </c>
      <c r="M22" s="441"/>
      <c r="N22" s="441"/>
      <c r="O22" s="441"/>
      <c r="P22" s="442"/>
      <c r="Q22" s="446" t="s">
        <v>166</v>
      </c>
      <c r="R22" s="447"/>
      <c r="S22" s="447"/>
      <c r="T22" s="447"/>
      <c r="U22" s="447"/>
      <c r="V22" s="448"/>
      <c r="W22" s="497" t="s">
        <v>167</v>
      </c>
      <c r="X22" s="432"/>
      <c r="Y22" s="433"/>
      <c r="Z22" s="440" t="s">
        <v>1</v>
      </c>
      <c r="AA22" s="441"/>
      <c r="AB22" s="441"/>
      <c r="AC22" s="441"/>
      <c r="AD22" s="441"/>
      <c r="AE22" s="441"/>
      <c r="AF22" s="441"/>
      <c r="AG22" s="442"/>
      <c r="AH22" s="458" t="s">
        <v>168</v>
      </c>
      <c r="AI22" s="441"/>
      <c r="AJ22" s="441"/>
      <c r="AK22" s="441"/>
      <c r="AL22" s="442"/>
      <c r="AM22" s="458" t="s">
        <v>169</v>
      </c>
      <c r="AN22" s="459"/>
      <c r="AO22" s="459"/>
      <c r="AP22" s="459"/>
      <c r="AQ22" s="459"/>
      <c r="AR22" s="460"/>
      <c r="AS22" s="446" t="s">
        <v>166</v>
      </c>
      <c r="AT22" s="447"/>
      <c r="AU22" s="447"/>
      <c r="AV22" s="447"/>
      <c r="AW22" s="447"/>
      <c r="AX22" s="464"/>
      <c r="AY22" s="481" t="s">
        <v>170</v>
      </c>
      <c r="AZ22" s="482"/>
      <c r="BA22" s="482"/>
      <c r="BB22" s="482"/>
      <c r="BC22" s="482"/>
      <c r="BD22" s="482"/>
      <c r="BE22" s="482"/>
      <c r="BF22" s="482"/>
      <c r="BG22" s="482"/>
      <c r="BH22" s="482"/>
      <c r="BI22" s="482"/>
      <c r="BJ22" s="482"/>
      <c r="BK22" s="482"/>
      <c r="BL22" s="482"/>
      <c r="BM22" s="483"/>
      <c r="BN22" s="484">
        <v>6858989</v>
      </c>
      <c r="BO22" s="485"/>
      <c r="BP22" s="485"/>
      <c r="BQ22" s="485"/>
      <c r="BR22" s="485"/>
      <c r="BS22" s="485"/>
      <c r="BT22" s="485"/>
      <c r="BU22" s="486"/>
      <c r="BV22" s="484">
        <v>6989125</v>
      </c>
      <c r="BW22" s="485"/>
      <c r="BX22" s="485"/>
      <c r="BY22" s="485"/>
      <c r="BZ22" s="485"/>
      <c r="CA22" s="485"/>
      <c r="CB22" s="485"/>
      <c r="CC22" s="486"/>
      <c r="CD22" s="194"/>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81"/>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71</v>
      </c>
      <c r="AZ23" s="470"/>
      <c r="BA23" s="470"/>
      <c r="BB23" s="470"/>
      <c r="BC23" s="470"/>
      <c r="BD23" s="470"/>
      <c r="BE23" s="470"/>
      <c r="BF23" s="470"/>
      <c r="BG23" s="470"/>
      <c r="BH23" s="470"/>
      <c r="BI23" s="470"/>
      <c r="BJ23" s="470"/>
      <c r="BK23" s="470"/>
      <c r="BL23" s="470"/>
      <c r="BM23" s="471"/>
      <c r="BN23" s="455">
        <v>4302428</v>
      </c>
      <c r="BO23" s="456"/>
      <c r="BP23" s="456"/>
      <c r="BQ23" s="456"/>
      <c r="BR23" s="456"/>
      <c r="BS23" s="456"/>
      <c r="BT23" s="456"/>
      <c r="BU23" s="457"/>
      <c r="BV23" s="455">
        <v>4772096</v>
      </c>
      <c r="BW23" s="456"/>
      <c r="BX23" s="456"/>
      <c r="BY23" s="456"/>
      <c r="BZ23" s="456"/>
      <c r="CA23" s="456"/>
      <c r="CB23" s="456"/>
      <c r="CC23" s="457"/>
      <c r="CD23" s="194"/>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81"/>
      <c r="B24" s="434"/>
      <c r="C24" s="435"/>
      <c r="D24" s="436"/>
      <c r="E24" s="411" t="s">
        <v>172</v>
      </c>
      <c r="F24" s="412"/>
      <c r="G24" s="412"/>
      <c r="H24" s="412"/>
      <c r="I24" s="412"/>
      <c r="J24" s="412"/>
      <c r="K24" s="413"/>
      <c r="L24" s="408">
        <v>1</v>
      </c>
      <c r="M24" s="409"/>
      <c r="N24" s="409"/>
      <c r="O24" s="409"/>
      <c r="P24" s="410"/>
      <c r="Q24" s="408">
        <v>8290</v>
      </c>
      <c r="R24" s="409"/>
      <c r="S24" s="409"/>
      <c r="T24" s="409"/>
      <c r="U24" s="409"/>
      <c r="V24" s="410"/>
      <c r="W24" s="498"/>
      <c r="X24" s="435"/>
      <c r="Y24" s="436"/>
      <c r="Z24" s="411" t="s">
        <v>173</v>
      </c>
      <c r="AA24" s="412"/>
      <c r="AB24" s="412"/>
      <c r="AC24" s="412"/>
      <c r="AD24" s="412"/>
      <c r="AE24" s="412"/>
      <c r="AF24" s="412"/>
      <c r="AG24" s="413"/>
      <c r="AH24" s="408">
        <v>270</v>
      </c>
      <c r="AI24" s="409"/>
      <c r="AJ24" s="409"/>
      <c r="AK24" s="409"/>
      <c r="AL24" s="410"/>
      <c r="AM24" s="408">
        <v>846990</v>
      </c>
      <c r="AN24" s="409"/>
      <c r="AO24" s="409"/>
      <c r="AP24" s="409"/>
      <c r="AQ24" s="409"/>
      <c r="AR24" s="410"/>
      <c r="AS24" s="408">
        <v>3137</v>
      </c>
      <c r="AT24" s="409"/>
      <c r="AU24" s="409"/>
      <c r="AV24" s="409"/>
      <c r="AW24" s="409"/>
      <c r="AX24" s="468"/>
      <c r="AY24" s="428" t="s">
        <v>174</v>
      </c>
      <c r="AZ24" s="429"/>
      <c r="BA24" s="429"/>
      <c r="BB24" s="429"/>
      <c r="BC24" s="429"/>
      <c r="BD24" s="429"/>
      <c r="BE24" s="429"/>
      <c r="BF24" s="429"/>
      <c r="BG24" s="429"/>
      <c r="BH24" s="429"/>
      <c r="BI24" s="429"/>
      <c r="BJ24" s="429"/>
      <c r="BK24" s="429"/>
      <c r="BL24" s="429"/>
      <c r="BM24" s="430"/>
      <c r="BN24" s="455">
        <v>5216684</v>
      </c>
      <c r="BO24" s="456"/>
      <c r="BP24" s="456"/>
      <c r="BQ24" s="456"/>
      <c r="BR24" s="456"/>
      <c r="BS24" s="456"/>
      <c r="BT24" s="456"/>
      <c r="BU24" s="457"/>
      <c r="BV24" s="455">
        <v>5027918</v>
      </c>
      <c r="BW24" s="456"/>
      <c r="BX24" s="456"/>
      <c r="BY24" s="456"/>
      <c r="BZ24" s="456"/>
      <c r="CA24" s="456"/>
      <c r="CB24" s="456"/>
      <c r="CC24" s="457"/>
      <c r="CD24" s="194"/>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81"/>
      <c r="B25" s="434"/>
      <c r="C25" s="435"/>
      <c r="D25" s="436"/>
      <c r="E25" s="411" t="s">
        <v>175</v>
      </c>
      <c r="F25" s="412"/>
      <c r="G25" s="412"/>
      <c r="H25" s="412"/>
      <c r="I25" s="412"/>
      <c r="J25" s="412"/>
      <c r="K25" s="413"/>
      <c r="L25" s="408">
        <v>1</v>
      </c>
      <c r="M25" s="409"/>
      <c r="N25" s="409"/>
      <c r="O25" s="409"/>
      <c r="P25" s="410"/>
      <c r="Q25" s="408">
        <v>6730</v>
      </c>
      <c r="R25" s="409"/>
      <c r="S25" s="409"/>
      <c r="T25" s="409"/>
      <c r="U25" s="409"/>
      <c r="V25" s="410"/>
      <c r="W25" s="498"/>
      <c r="X25" s="435"/>
      <c r="Y25" s="436"/>
      <c r="Z25" s="411" t="s">
        <v>176</v>
      </c>
      <c r="AA25" s="412"/>
      <c r="AB25" s="412"/>
      <c r="AC25" s="412"/>
      <c r="AD25" s="412"/>
      <c r="AE25" s="412"/>
      <c r="AF25" s="412"/>
      <c r="AG25" s="413"/>
      <c r="AH25" s="408" t="s">
        <v>147</v>
      </c>
      <c r="AI25" s="409"/>
      <c r="AJ25" s="409"/>
      <c r="AK25" s="409"/>
      <c r="AL25" s="410"/>
      <c r="AM25" s="408" t="s">
        <v>177</v>
      </c>
      <c r="AN25" s="409"/>
      <c r="AO25" s="409"/>
      <c r="AP25" s="409"/>
      <c r="AQ25" s="409"/>
      <c r="AR25" s="410"/>
      <c r="AS25" s="408" t="s">
        <v>177</v>
      </c>
      <c r="AT25" s="409"/>
      <c r="AU25" s="409"/>
      <c r="AV25" s="409"/>
      <c r="AW25" s="409"/>
      <c r="AX25" s="468"/>
      <c r="AY25" s="481" t="s">
        <v>178</v>
      </c>
      <c r="AZ25" s="482"/>
      <c r="BA25" s="482"/>
      <c r="BB25" s="482"/>
      <c r="BC25" s="482"/>
      <c r="BD25" s="482"/>
      <c r="BE25" s="482"/>
      <c r="BF25" s="482"/>
      <c r="BG25" s="482"/>
      <c r="BH25" s="482"/>
      <c r="BI25" s="482"/>
      <c r="BJ25" s="482"/>
      <c r="BK25" s="482"/>
      <c r="BL25" s="482"/>
      <c r="BM25" s="483"/>
      <c r="BN25" s="484">
        <v>11420509</v>
      </c>
      <c r="BO25" s="485"/>
      <c r="BP25" s="485"/>
      <c r="BQ25" s="485"/>
      <c r="BR25" s="485"/>
      <c r="BS25" s="485"/>
      <c r="BT25" s="485"/>
      <c r="BU25" s="486"/>
      <c r="BV25" s="484">
        <v>9235522</v>
      </c>
      <c r="BW25" s="485"/>
      <c r="BX25" s="485"/>
      <c r="BY25" s="485"/>
      <c r="BZ25" s="485"/>
      <c r="CA25" s="485"/>
      <c r="CB25" s="485"/>
      <c r="CC25" s="486"/>
      <c r="CD25" s="194"/>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81"/>
      <c r="B26" s="434"/>
      <c r="C26" s="435"/>
      <c r="D26" s="436"/>
      <c r="E26" s="411" t="s">
        <v>179</v>
      </c>
      <c r="F26" s="412"/>
      <c r="G26" s="412"/>
      <c r="H26" s="412"/>
      <c r="I26" s="412"/>
      <c r="J26" s="412"/>
      <c r="K26" s="413"/>
      <c r="L26" s="408">
        <v>1</v>
      </c>
      <c r="M26" s="409"/>
      <c r="N26" s="409"/>
      <c r="O26" s="409"/>
      <c r="P26" s="410"/>
      <c r="Q26" s="408">
        <v>6180</v>
      </c>
      <c r="R26" s="409"/>
      <c r="S26" s="409"/>
      <c r="T26" s="409"/>
      <c r="U26" s="409"/>
      <c r="V26" s="410"/>
      <c r="W26" s="498"/>
      <c r="X26" s="435"/>
      <c r="Y26" s="436"/>
      <c r="Z26" s="411" t="s">
        <v>180</v>
      </c>
      <c r="AA26" s="466"/>
      <c r="AB26" s="466"/>
      <c r="AC26" s="466"/>
      <c r="AD26" s="466"/>
      <c r="AE26" s="466"/>
      <c r="AF26" s="466"/>
      <c r="AG26" s="467"/>
      <c r="AH26" s="408">
        <v>21</v>
      </c>
      <c r="AI26" s="409"/>
      <c r="AJ26" s="409"/>
      <c r="AK26" s="409"/>
      <c r="AL26" s="410"/>
      <c r="AM26" s="408">
        <v>58191</v>
      </c>
      <c r="AN26" s="409"/>
      <c r="AO26" s="409"/>
      <c r="AP26" s="409"/>
      <c r="AQ26" s="409"/>
      <c r="AR26" s="410"/>
      <c r="AS26" s="408">
        <v>2771</v>
      </c>
      <c r="AT26" s="409"/>
      <c r="AU26" s="409"/>
      <c r="AV26" s="409"/>
      <c r="AW26" s="409"/>
      <c r="AX26" s="468"/>
      <c r="AY26" s="495" t="s">
        <v>181</v>
      </c>
      <c r="AZ26" s="415"/>
      <c r="BA26" s="415"/>
      <c r="BB26" s="415"/>
      <c r="BC26" s="415"/>
      <c r="BD26" s="415"/>
      <c r="BE26" s="415"/>
      <c r="BF26" s="415"/>
      <c r="BG26" s="415"/>
      <c r="BH26" s="415"/>
      <c r="BI26" s="415"/>
      <c r="BJ26" s="415"/>
      <c r="BK26" s="415"/>
      <c r="BL26" s="415"/>
      <c r="BM26" s="496"/>
      <c r="BN26" s="455" t="s">
        <v>131</v>
      </c>
      <c r="BO26" s="456"/>
      <c r="BP26" s="456"/>
      <c r="BQ26" s="456"/>
      <c r="BR26" s="456"/>
      <c r="BS26" s="456"/>
      <c r="BT26" s="456"/>
      <c r="BU26" s="457"/>
      <c r="BV26" s="455" t="s">
        <v>131</v>
      </c>
      <c r="BW26" s="456"/>
      <c r="BX26" s="456"/>
      <c r="BY26" s="456"/>
      <c r="BZ26" s="456"/>
      <c r="CA26" s="456"/>
      <c r="CB26" s="456"/>
      <c r="CC26" s="457"/>
      <c r="CD26" s="194"/>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81"/>
      <c r="B27" s="434"/>
      <c r="C27" s="435"/>
      <c r="D27" s="436"/>
      <c r="E27" s="411" t="s">
        <v>182</v>
      </c>
      <c r="F27" s="412"/>
      <c r="G27" s="412"/>
      <c r="H27" s="412"/>
      <c r="I27" s="412"/>
      <c r="J27" s="412"/>
      <c r="K27" s="413"/>
      <c r="L27" s="408">
        <v>1</v>
      </c>
      <c r="M27" s="409"/>
      <c r="N27" s="409"/>
      <c r="O27" s="409"/>
      <c r="P27" s="410"/>
      <c r="Q27" s="408">
        <v>4790</v>
      </c>
      <c r="R27" s="409"/>
      <c r="S27" s="409"/>
      <c r="T27" s="409"/>
      <c r="U27" s="409"/>
      <c r="V27" s="410"/>
      <c r="W27" s="498"/>
      <c r="X27" s="435"/>
      <c r="Y27" s="436"/>
      <c r="Z27" s="411" t="s">
        <v>183</v>
      </c>
      <c r="AA27" s="412"/>
      <c r="AB27" s="412"/>
      <c r="AC27" s="412"/>
      <c r="AD27" s="412"/>
      <c r="AE27" s="412"/>
      <c r="AF27" s="412"/>
      <c r="AG27" s="413"/>
      <c r="AH27" s="408">
        <v>6</v>
      </c>
      <c r="AI27" s="409"/>
      <c r="AJ27" s="409"/>
      <c r="AK27" s="409"/>
      <c r="AL27" s="410"/>
      <c r="AM27" s="408">
        <v>21606</v>
      </c>
      <c r="AN27" s="409"/>
      <c r="AO27" s="409"/>
      <c r="AP27" s="409"/>
      <c r="AQ27" s="409"/>
      <c r="AR27" s="410"/>
      <c r="AS27" s="408">
        <v>3601</v>
      </c>
      <c r="AT27" s="409"/>
      <c r="AU27" s="409"/>
      <c r="AV27" s="409"/>
      <c r="AW27" s="409"/>
      <c r="AX27" s="468"/>
      <c r="AY27" s="492" t="s">
        <v>184</v>
      </c>
      <c r="AZ27" s="493"/>
      <c r="BA27" s="493"/>
      <c r="BB27" s="493"/>
      <c r="BC27" s="493"/>
      <c r="BD27" s="493"/>
      <c r="BE27" s="493"/>
      <c r="BF27" s="493"/>
      <c r="BG27" s="493"/>
      <c r="BH27" s="493"/>
      <c r="BI27" s="493"/>
      <c r="BJ27" s="493"/>
      <c r="BK27" s="493"/>
      <c r="BL27" s="493"/>
      <c r="BM27" s="494"/>
      <c r="BN27" s="489">
        <v>583460</v>
      </c>
      <c r="BO27" s="490"/>
      <c r="BP27" s="490"/>
      <c r="BQ27" s="490"/>
      <c r="BR27" s="490"/>
      <c r="BS27" s="490"/>
      <c r="BT27" s="490"/>
      <c r="BU27" s="491"/>
      <c r="BV27" s="489">
        <v>583457</v>
      </c>
      <c r="BW27" s="490"/>
      <c r="BX27" s="490"/>
      <c r="BY27" s="490"/>
      <c r="BZ27" s="490"/>
      <c r="CA27" s="490"/>
      <c r="CB27" s="490"/>
      <c r="CC27" s="491"/>
      <c r="CD27" s="196"/>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81"/>
      <c r="B28" s="434"/>
      <c r="C28" s="435"/>
      <c r="D28" s="436"/>
      <c r="E28" s="411" t="s">
        <v>185</v>
      </c>
      <c r="F28" s="412"/>
      <c r="G28" s="412"/>
      <c r="H28" s="412"/>
      <c r="I28" s="412"/>
      <c r="J28" s="412"/>
      <c r="K28" s="413"/>
      <c r="L28" s="408">
        <v>1</v>
      </c>
      <c r="M28" s="409"/>
      <c r="N28" s="409"/>
      <c r="O28" s="409"/>
      <c r="P28" s="410"/>
      <c r="Q28" s="408">
        <v>3970</v>
      </c>
      <c r="R28" s="409"/>
      <c r="S28" s="409"/>
      <c r="T28" s="409"/>
      <c r="U28" s="409"/>
      <c r="V28" s="410"/>
      <c r="W28" s="498"/>
      <c r="X28" s="435"/>
      <c r="Y28" s="436"/>
      <c r="Z28" s="411" t="s">
        <v>186</v>
      </c>
      <c r="AA28" s="412"/>
      <c r="AB28" s="412"/>
      <c r="AC28" s="412"/>
      <c r="AD28" s="412"/>
      <c r="AE28" s="412"/>
      <c r="AF28" s="412"/>
      <c r="AG28" s="413"/>
      <c r="AH28" s="408" t="s">
        <v>177</v>
      </c>
      <c r="AI28" s="409"/>
      <c r="AJ28" s="409"/>
      <c r="AK28" s="409"/>
      <c r="AL28" s="410"/>
      <c r="AM28" s="408" t="s">
        <v>131</v>
      </c>
      <c r="AN28" s="409"/>
      <c r="AO28" s="409"/>
      <c r="AP28" s="409"/>
      <c r="AQ28" s="409"/>
      <c r="AR28" s="410"/>
      <c r="AS28" s="408" t="s">
        <v>131</v>
      </c>
      <c r="AT28" s="409"/>
      <c r="AU28" s="409"/>
      <c r="AV28" s="409"/>
      <c r="AW28" s="409"/>
      <c r="AX28" s="468"/>
      <c r="AY28" s="472" t="s">
        <v>187</v>
      </c>
      <c r="AZ28" s="473"/>
      <c r="BA28" s="473"/>
      <c r="BB28" s="474"/>
      <c r="BC28" s="481" t="s">
        <v>50</v>
      </c>
      <c r="BD28" s="482"/>
      <c r="BE28" s="482"/>
      <c r="BF28" s="482"/>
      <c r="BG28" s="482"/>
      <c r="BH28" s="482"/>
      <c r="BI28" s="482"/>
      <c r="BJ28" s="482"/>
      <c r="BK28" s="482"/>
      <c r="BL28" s="482"/>
      <c r="BM28" s="483"/>
      <c r="BN28" s="484">
        <v>3188901</v>
      </c>
      <c r="BO28" s="485"/>
      <c r="BP28" s="485"/>
      <c r="BQ28" s="485"/>
      <c r="BR28" s="485"/>
      <c r="BS28" s="485"/>
      <c r="BT28" s="485"/>
      <c r="BU28" s="486"/>
      <c r="BV28" s="484">
        <v>2540634</v>
      </c>
      <c r="BW28" s="485"/>
      <c r="BX28" s="485"/>
      <c r="BY28" s="485"/>
      <c r="BZ28" s="485"/>
      <c r="CA28" s="485"/>
      <c r="CB28" s="485"/>
      <c r="CC28" s="486"/>
      <c r="CD28" s="194"/>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81"/>
      <c r="B29" s="434"/>
      <c r="C29" s="435"/>
      <c r="D29" s="436"/>
      <c r="E29" s="411" t="s">
        <v>188</v>
      </c>
      <c r="F29" s="412"/>
      <c r="G29" s="412"/>
      <c r="H29" s="412"/>
      <c r="I29" s="412"/>
      <c r="J29" s="412"/>
      <c r="K29" s="413"/>
      <c r="L29" s="408">
        <v>16</v>
      </c>
      <c r="M29" s="409"/>
      <c r="N29" s="409"/>
      <c r="O29" s="409"/>
      <c r="P29" s="410"/>
      <c r="Q29" s="408">
        <v>3680</v>
      </c>
      <c r="R29" s="409"/>
      <c r="S29" s="409"/>
      <c r="T29" s="409"/>
      <c r="U29" s="409"/>
      <c r="V29" s="410"/>
      <c r="W29" s="499"/>
      <c r="X29" s="500"/>
      <c r="Y29" s="501"/>
      <c r="Z29" s="411" t="s">
        <v>189</v>
      </c>
      <c r="AA29" s="412"/>
      <c r="AB29" s="412"/>
      <c r="AC29" s="412"/>
      <c r="AD29" s="412"/>
      <c r="AE29" s="412"/>
      <c r="AF29" s="412"/>
      <c r="AG29" s="413"/>
      <c r="AH29" s="408">
        <v>276</v>
      </c>
      <c r="AI29" s="409"/>
      <c r="AJ29" s="409"/>
      <c r="AK29" s="409"/>
      <c r="AL29" s="410"/>
      <c r="AM29" s="408">
        <v>868596</v>
      </c>
      <c r="AN29" s="409"/>
      <c r="AO29" s="409"/>
      <c r="AP29" s="409"/>
      <c r="AQ29" s="409"/>
      <c r="AR29" s="410"/>
      <c r="AS29" s="408">
        <v>3147</v>
      </c>
      <c r="AT29" s="409"/>
      <c r="AU29" s="409"/>
      <c r="AV29" s="409"/>
      <c r="AW29" s="409"/>
      <c r="AX29" s="468"/>
      <c r="AY29" s="475"/>
      <c r="AZ29" s="476"/>
      <c r="BA29" s="476"/>
      <c r="BB29" s="477"/>
      <c r="BC29" s="469" t="s">
        <v>190</v>
      </c>
      <c r="BD29" s="470"/>
      <c r="BE29" s="470"/>
      <c r="BF29" s="470"/>
      <c r="BG29" s="470"/>
      <c r="BH29" s="470"/>
      <c r="BI29" s="470"/>
      <c r="BJ29" s="470"/>
      <c r="BK29" s="470"/>
      <c r="BL29" s="470"/>
      <c r="BM29" s="471"/>
      <c r="BN29" s="455">
        <v>45818</v>
      </c>
      <c r="BO29" s="456"/>
      <c r="BP29" s="456"/>
      <c r="BQ29" s="456"/>
      <c r="BR29" s="456"/>
      <c r="BS29" s="456"/>
      <c r="BT29" s="456"/>
      <c r="BU29" s="457"/>
      <c r="BV29" s="455">
        <v>45816</v>
      </c>
      <c r="BW29" s="456"/>
      <c r="BX29" s="456"/>
      <c r="BY29" s="456"/>
      <c r="BZ29" s="456"/>
      <c r="CA29" s="456"/>
      <c r="CB29" s="456"/>
      <c r="CC29" s="457"/>
      <c r="CD29" s="196"/>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81"/>
      <c r="B30" s="437"/>
      <c r="C30" s="438"/>
      <c r="D30" s="439"/>
      <c r="E30" s="416"/>
      <c r="F30" s="417"/>
      <c r="G30" s="417"/>
      <c r="H30" s="417"/>
      <c r="I30" s="417"/>
      <c r="J30" s="417"/>
      <c r="K30" s="418"/>
      <c r="L30" s="419"/>
      <c r="M30" s="420"/>
      <c r="N30" s="420"/>
      <c r="O30" s="420"/>
      <c r="P30" s="421"/>
      <c r="Q30" s="419"/>
      <c r="R30" s="420"/>
      <c r="S30" s="420"/>
      <c r="T30" s="420"/>
      <c r="U30" s="420"/>
      <c r="V30" s="421"/>
      <c r="W30" s="422" t="s">
        <v>191</v>
      </c>
      <c r="X30" s="423"/>
      <c r="Y30" s="423"/>
      <c r="Z30" s="423"/>
      <c r="AA30" s="423"/>
      <c r="AB30" s="423"/>
      <c r="AC30" s="423"/>
      <c r="AD30" s="423"/>
      <c r="AE30" s="423"/>
      <c r="AF30" s="423"/>
      <c r="AG30" s="424"/>
      <c r="AH30" s="425">
        <v>99.7</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2</v>
      </c>
      <c r="BD30" s="429"/>
      <c r="BE30" s="429"/>
      <c r="BF30" s="429"/>
      <c r="BG30" s="429"/>
      <c r="BH30" s="429"/>
      <c r="BI30" s="429"/>
      <c r="BJ30" s="429"/>
      <c r="BK30" s="429"/>
      <c r="BL30" s="429"/>
      <c r="BM30" s="430"/>
      <c r="BN30" s="489">
        <v>1374299</v>
      </c>
      <c r="BO30" s="490"/>
      <c r="BP30" s="490"/>
      <c r="BQ30" s="490"/>
      <c r="BR30" s="490"/>
      <c r="BS30" s="490"/>
      <c r="BT30" s="490"/>
      <c r="BU30" s="491"/>
      <c r="BV30" s="489">
        <v>1322320</v>
      </c>
      <c r="BW30" s="490"/>
      <c r="BX30" s="490"/>
      <c r="BY30" s="490"/>
      <c r="BZ30" s="490"/>
      <c r="CA30" s="490"/>
      <c r="CB30" s="490"/>
      <c r="CC30" s="491"/>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414" t="s">
        <v>192</v>
      </c>
      <c r="D32" s="414"/>
      <c r="E32" s="414"/>
      <c r="F32" s="414"/>
      <c r="G32" s="414"/>
      <c r="H32" s="414"/>
      <c r="I32" s="414"/>
      <c r="J32" s="414"/>
      <c r="K32" s="414"/>
      <c r="L32" s="414"/>
      <c r="M32" s="414"/>
      <c r="N32" s="414"/>
      <c r="O32" s="414"/>
      <c r="P32" s="414"/>
      <c r="Q32" s="414"/>
      <c r="R32" s="414"/>
      <c r="S32" s="414"/>
      <c r="U32" s="415" t="s">
        <v>193</v>
      </c>
      <c r="V32" s="415"/>
      <c r="W32" s="415"/>
      <c r="X32" s="415"/>
      <c r="Y32" s="415"/>
      <c r="Z32" s="415"/>
      <c r="AA32" s="415"/>
      <c r="AB32" s="415"/>
      <c r="AC32" s="415"/>
      <c r="AD32" s="415"/>
      <c r="AE32" s="415"/>
      <c r="AF32" s="415"/>
      <c r="AG32" s="415"/>
      <c r="AH32" s="415"/>
      <c r="AI32" s="415"/>
      <c r="AJ32" s="415"/>
      <c r="AK32" s="415"/>
      <c r="AM32" s="415" t="s">
        <v>194</v>
      </c>
      <c r="AN32" s="415"/>
      <c r="AO32" s="415"/>
      <c r="AP32" s="415"/>
      <c r="AQ32" s="415"/>
      <c r="AR32" s="415"/>
      <c r="AS32" s="415"/>
      <c r="AT32" s="415"/>
      <c r="AU32" s="415"/>
      <c r="AV32" s="415"/>
      <c r="AW32" s="415"/>
      <c r="AX32" s="415"/>
      <c r="AY32" s="415"/>
      <c r="AZ32" s="415"/>
      <c r="BA32" s="415"/>
      <c r="BB32" s="415"/>
      <c r="BC32" s="415"/>
      <c r="BE32" s="415" t="s">
        <v>195</v>
      </c>
      <c r="BF32" s="415"/>
      <c r="BG32" s="415"/>
      <c r="BH32" s="415"/>
      <c r="BI32" s="415"/>
      <c r="BJ32" s="415"/>
      <c r="BK32" s="415"/>
      <c r="BL32" s="415"/>
      <c r="BM32" s="415"/>
      <c r="BN32" s="415"/>
      <c r="BO32" s="415"/>
      <c r="BP32" s="415"/>
      <c r="BQ32" s="415"/>
      <c r="BR32" s="415"/>
      <c r="BS32" s="415"/>
      <c r="BT32" s="415"/>
      <c r="BU32" s="415"/>
      <c r="BW32" s="415" t="s">
        <v>196</v>
      </c>
      <c r="BX32" s="415"/>
      <c r="BY32" s="415"/>
      <c r="BZ32" s="415"/>
      <c r="CA32" s="415"/>
      <c r="CB32" s="415"/>
      <c r="CC32" s="415"/>
      <c r="CD32" s="415"/>
      <c r="CE32" s="415"/>
      <c r="CF32" s="415"/>
      <c r="CG32" s="415"/>
      <c r="CH32" s="415"/>
      <c r="CI32" s="415"/>
      <c r="CJ32" s="415"/>
      <c r="CK32" s="415"/>
      <c r="CL32" s="415"/>
      <c r="CM32" s="415"/>
      <c r="CO32" s="415" t="s">
        <v>197</v>
      </c>
      <c r="CP32" s="415"/>
      <c r="CQ32" s="415"/>
      <c r="CR32" s="415"/>
      <c r="CS32" s="415"/>
      <c r="CT32" s="415"/>
      <c r="CU32" s="415"/>
      <c r="CV32" s="415"/>
      <c r="CW32" s="415"/>
      <c r="CX32" s="415"/>
      <c r="CY32" s="415"/>
      <c r="CZ32" s="415"/>
      <c r="DA32" s="415"/>
      <c r="DB32" s="415"/>
      <c r="DC32" s="415"/>
      <c r="DD32" s="415"/>
      <c r="DE32" s="415"/>
      <c r="DI32" s="204"/>
    </row>
    <row r="33" spans="1:113" ht="13.5" customHeight="1" x14ac:dyDescent="0.2">
      <c r="A33" s="181"/>
      <c r="B33" s="205"/>
      <c r="C33" s="407" t="s">
        <v>198</v>
      </c>
      <c r="D33" s="407"/>
      <c r="E33" s="406" t="s">
        <v>199</v>
      </c>
      <c r="F33" s="406"/>
      <c r="G33" s="406"/>
      <c r="H33" s="406"/>
      <c r="I33" s="406"/>
      <c r="J33" s="406"/>
      <c r="K33" s="406"/>
      <c r="L33" s="406"/>
      <c r="M33" s="406"/>
      <c r="N33" s="406"/>
      <c r="O33" s="406"/>
      <c r="P33" s="406"/>
      <c r="Q33" s="406"/>
      <c r="R33" s="406"/>
      <c r="S33" s="406"/>
      <c r="T33" s="206"/>
      <c r="U33" s="407" t="s">
        <v>200</v>
      </c>
      <c r="V33" s="407"/>
      <c r="W33" s="406" t="s">
        <v>201</v>
      </c>
      <c r="X33" s="406"/>
      <c r="Y33" s="406"/>
      <c r="Z33" s="406"/>
      <c r="AA33" s="406"/>
      <c r="AB33" s="406"/>
      <c r="AC33" s="406"/>
      <c r="AD33" s="406"/>
      <c r="AE33" s="406"/>
      <c r="AF33" s="406"/>
      <c r="AG33" s="406"/>
      <c r="AH33" s="406"/>
      <c r="AI33" s="406"/>
      <c r="AJ33" s="406"/>
      <c r="AK33" s="406"/>
      <c r="AL33" s="206"/>
      <c r="AM33" s="407" t="s">
        <v>200</v>
      </c>
      <c r="AN33" s="407"/>
      <c r="AO33" s="406" t="s">
        <v>199</v>
      </c>
      <c r="AP33" s="406"/>
      <c r="AQ33" s="406"/>
      <c r="AR33" s="406"/>
      <c r="AS33" s="406"/>
      <c r="AT33" s="406"/>
      <c r="AU33" s="406"/>
      <c r="AV33" s="406"/>
      <c r="AW33" s="406"/>
      <c r="AX33" s="406"/>
      <c r="AY33" s="406"/>
      <c r="AZ33" s="406"/>
      <c r="BA33" s="406"/>
      <c r="BB33" s="406"/>
      <c r="BC33" s="406"/>
      <c r="BD33" s="207"/>
      <c r="BE33" s="406" t="s">
        <v>202</v>
      </c>
      <c r="BF33" s="406"/>
      <c r="BG33" s="406" t="s">
        <v>203</v>
      </c>
      <c r="BH33" s="406"/>
      <c r="BI33" s="406"/>
      <c r="BJ33" s="406"/>
      <c r="BK33" s="406"/>
      <c r="BL33" s="406"/>
      <c r="BM33" s="406"/>
      <c r="BN33" s="406"/>
      <c r="BO33" s="406"/>
      <c r="BP33" s="406"/>
      <c r="BQ33" s="406"/>
      <c r="BR33" s="406"/>
      <c r="BS33" s="406"/>
      <c r="BT33" s="406"/>
      <c r="BU33" s="406"/>
      <c r="BV33" s="207"/>
      <c r="BW33" s="407" t="s">
        <v>202</v>
      </c>
      <c r="BX33" s="407"/>
      <c r="BY33" s="406" t="s">
        <v>204</v>
      </c>
      <c r="BZ33" s="406"/>
      <c r="CA33" s="406"/>
      <c r="CB33" s="406"/>
      <c r="CC33" s="406"/>
      <c r="CD33" s="406"/>
      <c r="CE33" s="406"/>
      <c r="CF33" s="406"/>
      <c r="CG33" s="406"/>
      <c r="CH33" s="406"/>
      <c r="CI33" s="406"/>
      <c r="CJ33" s="406"/>
      <c r="CK33" s="406"/>
      <c r="CL33" s="406"/>
      <c r="CM33" s="406"/>
      <c r="CN33" s="206"/>
      <c r="CO33" s="407" t="s">
        <v>200</v>
      </c>
      <c r="CP33" s="407"/>
      <c r="CQ33" s="406" t="s">
        <v>205</v>
      </c>
      <c r="CR33" s="406"/>
      <c r="CS33" s="406"/>
      <c r="CT33" s="406"/>
      <c r="CU33" s="406"/>
      <c r="CV33" s="406"/>
      <c r="CW33" s="406"/>
      <c r="CX33" s="406"/>
      <c r="CY33" s="406"/>
      <c r="CZ33" s="406"/>
      <c r="DA33" s="406"/>
      <c r="DB33" s="406"/>
      <c r="DC33" s="406"/>
      <c r="DD33" s="406"/>
      <c r="DE33" s="406"/>
      <c r="DF33" s="206"/>
      <c r="DG33" s="405" t="s">
        <v>206</v>
      </c>
      <c r="DH33" s="405"/>
      <c r="DI33" s="208"/>
    </row>
    <row r="34" spans="1:113" ht="32.25" customHeight="1" x14ac:dyDescent="0.2">
      <c r="A34" s="181"/>
      <c r="B34" s="205"/>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81"/>
      <c r="U34" s="403">
        <f>IF(W34="","",MAX(C34:D43)+1)</f>
        <v>2</v>
      </c>
      <c r="V34" s="403"/>
      <c r="W34" s="404" t="str">
        <f>IF('各会計、関係団体の財政状況及び健全化判断比率'!B28="","",'各会計、関係団体の財政状況及び健全化判断比率'!B28)</f>
        <v>国民健康保険事業特別会計</v>
      </c>
      <c r="X34" s="404"/>
      <c r="Y34" s="404"/>
      <c r="Z34" s="404"/>
      <c r="AA34" s="404"/>
      <c r="AB34" s="404"/>
      <c r="AC34" s="404"/>
      <c r="AD34" s="404"/>
      <c r="AE34" s="404"/>
      <c r="AF34" s="404"/>
      <c r="AG34" s="404"/>
      <c r="AH34" s="404"/>
      <c r="AI34" s="404"/>
      <c r="AJ34" s="404"/>
      <c r="AK34" s="404"/>
      <c r="AL34" s="181"/>
      <c r="AM34" s="403">
        <f>IF(AO34="","",MAX(C34:D43,U34:V43)+1)</f>
        <v>5</v>
      </c>
      <c r="AN34" s="403"/>
      <c r="AO34" s="404" t="str">
        <f>IF('各会計、関係団体の財政状況及び健全化判断比率'!B31="","",'各会計、関係団体の財政状況及び健全化判断比率'!B31)</f>
        <v>下水道事業特別会計</v>
      </c>
      <c r="AP34" s="404"/>
      <c r="AQ34" s="404"/>
      <c r="AR34" s="404"/>
      <c r="AS34" s="404"/>
      <c r="AT34" s="404"/>
      <c r="AU34" s="404"/>
      <c r="AV34" s="404"/>
      <c r="AW34" s="404"/>
      <c r="AX34" s="404"/>
      <c r="AY34" s="404"/>
      <c r="AZ34" s="404"/>
      <c r="BA34" s="404"/>
      <c r="BB34" s="404"/>
      <c r="BC34" s="404"/>
      <c r="BD34" s="181"/>
      <c r="BE34" s="403" t="str">
        <f>IF(BG34="","",MAX(C34:D43,U34:V43,AM34:AN43)+1)</f>
        <v/>
      </c>
      <c r="BF34" s="403"/>
      <c r="BG34" s="404"/>
      <c r="BH34" s="404"/>
      <c r="BI34" s="404"/>
      <c r="BJ34" s="404"/>
      <c r="BK34" s="404"/>
      <c r="BL34" s="404"/>
      <c r="BM34" s="404"/>
      <c r="BN34" s="404"/>
      <c r="BO34" s="404"/>
      <c r="BP34" s="404"/>
      <c r="BQ34" s="404"/>
      <c r="BR34" s="404"/>
      <c r="BS34" s="404"/>
      <c r="BT34" s="404"/>
      <c r="BU34" s="404"/>
      <c r="BV34" s="181"/>
      <c r="BW34" s="403">
        <f>IF(BY34="","",MAX(C34:D43,U34:V43,AM34:AN43,BE34:BF43)+1)</f>
        <v>6</v>
      </c>
      <c r="BX34" s="403"/>
      <c r="BY34" s="404" t="str">
        <f>IF('各会計、関係団体の財政状況及び健全化判断比率'!B68="","",'各会計、関係団体の財政状況及び健全化判断比率'!B68)</f>
        <v>神奈川県市町村職員退職手当組合</v>
      </c>
      <c r="BZ34" s="404"/>
      <c r="CA34" s="404"/>
      <c r="CB34" s="404"/>
      <c r="CC34" s="404"/>
      <c r="CD34" s="404"/>
      <c r="CE34" s="404"/>
      <c r="CF34" s="404"/>
      <c r="CG34" s="404"/>
      <c r="CH34" s="404"/>
      <c r="CI34" s="404"/>
      <c r="CJ34" s="404"/>
      <c r="CK34" s="404"/>
      <c r="CL34" s="404"/>
      <c r="CM34" s="404"/>
      <c r="CN34" s="181"/>
      <c r="CO34" s="403">
        <f>IF(CQ34="","",MAX(C34:D43,U34:V43,AM34:AN43,BE34:BF43,BW34:BX43)+1)</f>
        <v>10</v>
      </c>
      <c r="CP34" s="403"/>
      <c r="CQ34" s="404" t="str">
        <f>IF('各会計、関係団体の財政状況及び健全化判断比率'!BS7="","",'各会計、関係団体の財政状況及び健全化判断比率'!BS7)</f>
        <v>寒川町土地開発公社</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
      </c>
      <c r="DH34" s="401"/>
      <c r="DI34" s="208"/>
    </row>
    <row r="35" spans="1:113" ht="32.25" customHeight="1" x14ac:dyDescent="0.2">
      <c r="A35" s="181"/>
      <c r="B35" s="205"/>
      <c r="C35" s="403" t="str">
        <f>IF(E35="","",C34+1)</f>
        <v/>
      </c>
      <c r="D35" s="403"/>
      <c r="E35" s="404" t="str">
        <f>IF('各会計、関係団体の財政状況及び健全化判断比率'!B8="","",'各会計、関係団体の財政状況及び健全化判断比率'!B8)</f>
        <v/>
      </c>
      <c r="F35" s="404"/>
      <c r="G35" s="404"/>
      <c r="H35" s="404"/>
      <c r="I35" s="404"/>
      <c r="J35" s="404"/>
      <c r="K35" s="404"/>
      <c r="L35" s="404"/>
      <c r="M35" s="404"/>
      <c r="N35" s="404"/>
      <c r="O35" s="404"/>
      <c r="P35" s="404"/>
      <c r="Q35" s="404"/>
      <c r="R35" s="404"/>
      <c r="S35" s="404"/>
      <c r="T35" s="181"/>
      <c r="U35" s="403">
        <f>IF(W35="","",U34+1)</f>
        <v>3</v>
      </c>
      <c r="V35" s="403"/>
      <c r="W35" s="404" t="str">
        <f>IF('各会計、関係団体の財政状況及び健全化判断比率'!B29="","",'各会計、関係団体の財政状況及び健全化判断比率'!B29)</f>
        <v>介護保険事業特別会計</v>
      </c>
      <c r="X35" s="404"/>
      <c r="Y35" s="404"/>
      <c r="Z35" s="404"/>
      <c r="AA35" s="404"/>
      <c r="AB35" s="404"/>
      <c r="AC35" s="404"/>
      <c r="AD35" s="404"/>
      <c r="AE35" s="404"/>
      <c r="AF35" s="404"/>
      <c r="AG35" s="404"/>
      <c r="AH35" s="404"/>
      <c r="AI35" s="404"/>
      <c r="AJ35" s="404"/>
      <c r="AK35" s="404"/>
      <c r="AL35" s="181"/>
      <c r="AM35" s="403" t="str">
        <f t="shared" ref="AM35:AM43" si="0">IF(AO35="","",AM34+1)</f>
        <v/>
      </c>
      <c r="AN35" s="403"/>
      <c r="AO35" s="404"/>
      <c r="AP35" s="404"/>
      <c r="AQ35" s="404"/>
      <c r="AR35" s="404"/>
      <c r="AS35" s="404"/>
      <c r="AT35" s="404"/>
      <c r="AU35" s="404"/>
      <c r="AV35" s="404"/>
      <c r="AW35" s="404"/>
      <c r="AX35" s="404"/>
      <c r="AY35" s="404"/>
      <c r="AZ35" s="404"/>
      <c r="BA35" s="404"/>
      <c r="BB35" s="404"/>
      <c r="BC35" s="404"/>
      <c r="BD35" s="181"/>
      <c r="BE35" s="403" t="str">
        <f t="shared" ref="BE35:BE43" si="1">IF(BG35="","",BE34+1)</f>
        <v/>
      </c>
      <c r="BF35" s="403"/>
      <c r="BG35" s="404"/>
      <c r="BH35" s="404"/>
      <c r="BI35" s="404"/>
      <c r="BJ35" s="404"/>
      <c r="BK35" s="404"/>
      <c r="BL35" s="404"/>
      <c r="BM35" s="404"/>
      <c r="BN35" s="404"/>
      <c r="BO35" s="404"/>
      <c r="BP35" s="404"/>
      <c r="BQ35" s="404"/>
      <c r="BR35" s="404"/>
      <c r="BS35" s="404"/>
      <c r="BT35" s="404"/>
      <c r="BU35" s="404"/>
      <c r="BV35" s="181"/>
      <c r="BW35" s="403">
        <f t="shared" ref="BW35:BW43" si="2">IF(BY35="","",BW34+1)</f>
        <v>7</v>
      </c>
      <c r="BX35" s="403"/>
      <c r="BY35" s="404" t="str">
        <f>IF('各会計、関係団体の財政状況及び健全化判断比率'!B69="","",'各会計、関係団体の財政状況及び健全化判断比率'!B69)</f>
        <v>神奈川県市町村情報システム共同事業組合</v>
      </c>
      <c r="BZ35" s="404"/>
      <c r="CA35" s="404"/>
      <c r="CB35" s="404"/>
      <c r="CC35" s="404"/>
      <c r="CD35" s="404"/>
      <c r="CE35" s="404"/>
      <c r="CF35" s="404"/>
      <c r="CG35" s="404"/>
      <c r="CH35" s="404"/>
      <c r="CI35" s="404"/>
      <c r="CJ35" s="404"/>
      <c r="CK35" s="404"/>
      <c r="CL35" s="404"/>
      <c r="CM35" s="404"/>
      <c r="CN35" s="181"/>
      <c r="CO35" s="403" t="str">
        <f t="shared" ref="CO35:CO43" si="3">IF(CQ35="","",CO34+1)</f>
        <v/>
      </c>
      <c r="CP35" s="403"/>
      <c r="CQ35" s="404" t="str">
        <f>IF('各会計、関係団体の財政状況及び健全化判断比率'!BS8="","",'各会計、関係団体の財政状況及び健全化判断比率'!BS8)</f>
        <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
      </c>
      <c r="DH35" s="401"/>
      <c r="DI35" s="208"/>
    </row>
    <row r="36" spans="1:113" ht="32.25" customHeight="1" x14ac:dyDescent="0.2">
      <c r="A36" s="181"/>
      <c r="B36" s="205"/>
      <c r="C36" s="403" t="str">
        <f>IF(E36="","",C35+1)</f>
        <v/>
      </c>
      <c r="D36" s="403"/>
      <c r="E36" s="404" t="str">
        <f>IF('各会計、関係団体の財政状況及び健全化判断比率'!B9="","",'各会計、関係団体の財政状況及び健全化判断比率'!B9)</f>
        <v/>
      </c>
      <c r="F36" s="404"/>
      <c r="G36" s="404"/>
      <c r="H36" s="404"/>
      <c r="I36" s="404"/>
      <c r="J36" s="404"/>
      <c r="K36" s="404"/>
      <c r="L36" s="404"/>
      <c r="M36" s="404"/>
      <c r="N36" s="404"/>
      <c r="O36" s="404"/>
      <c r="P36" s="404"/>
      <c r="Q36" s="404"/>
      <c r="R36" s="404"/>
      <c r="S36" s="404"/>
      <c r="T36" s="181"/>
      <c r="U36" s="403">
        <f t="shared" ref="U36:U43" si="4">IF(W36="","",U35+1)</f>
        <v>4</v>
      </c>
      <c r="V36" s="403"/>
      <c r="W36" s="404" t="str">
        <f>IF('各会計、関係団体の財政状況及び健全化判断比率'!B30="","",'各会計、関係団体の財政状況及び健全化判断比率'!B30)</f>
        <v>後期高齢者医療事業特別会計</v>
      </c>
      <c r="X36" s="404"/>
      <c r="Y36" s="404"/>
      <c r="Z36" s="404"/>
      <c r="AA36" s="404"/>
      <c r="AB36" s="404"/>
      <c r="AC36" s="404"/>
      <c r="AD36" s="404"/>
      <c r="AE36" s="404"/>
      <c r="AF36" s="404"/>
      <c r="AG36" s="404"/>
      <c r="AH36" s="404"/>
      <c r="AI36" s="404"/>
      <c r="AJ36" s="404"/>
      <c r="AK36" s="404"/>
      <c r="AL36" s="181"/>
      <c r="AM36" s="403" t="str">
        <f t="shared" si="0"/>
        <v/>
      </c>
      <c r="AN36" s="403"/>
      <c r="AO36" s="404"/>
      <c r="AP36" s="404"/>
      <c r="AQ36" s="404"/>
      <c r="AR36" s="404"/>
      <c r="AS36" s="404"/>
      <c r="AT36" s="404"/>
      <c r="AU36" s="404"/>
      <c r="AV36" s="404"/>
      <c r="AW36" s="404"/>
      <c r="AX36" s="404"/>
      <c r="AY36" s="404"/>
      <c r="AZ36" s="404"/>
      <c r="BA36" s="404"/>
      <c r="BB36" s="404"/>
      <c r="BC36" s="404"/>
      <c r="BD36" s="181"/>
      <c r="BE36" s="403" t="str">
        <f t="shared" si="1"/>
        <v/>
      </c>
      <c r="BF36" s="403"/>
      <c r="BG36" s="404"/>
      <c r="BH36" s="404"/>
      <c r="BI36" s="404"/>
      <c r="BJ36" s="404"/>
      <c r="BK36" s="404"/>
      <c r="BL36" s="404"/>
      <c r="BM36" s="404"/>
      <c r="BN36" s="404"/>
      <c r="BO36" s="404"/>
      <c r="BP36" s="404"/>
      <c r="BQ36" s="404"/>
      <c r="BR36" s="404"/>
      <c r="BS36" s="404"/>
      <c r="BT36" s="404"/>
      <c r="BU36" s="404"/>
      <c r="BV36" s="181"/>
      <c r="BW36" s="403">
        <f t="shared" si="2"/>
        <v>8</v>
      </c>
      <c r="BX36" s="403"/>
      <c r="BY36" s="404" t="str">
        <f>IF('各会計、関係団体の財政状況及び健全化判断比率'!B70="","",'各会計、関係団体の財政状況及び健全化判断比率'!B70)</f>
        <v>神奈川県後期高齢者医療広域連合（一般会計）</v>
      </c>
      <c r="BZ36" s="404"/>
      <c r="CA36" s="404"/>
      <c r="CB36" s="404"/>
      <c r="CC36" s="404"/>
      <c r="CD36" s="404"/>
      <c r="CE36" s="404"/>
      <c r="CF36" s="404"/>
      <c r="CG36" s="404"/>
      <c r="CH36" s="404"/>
      <c r="CI36" s="404"/>
      <c r="CJ36" s="404"/>
      <c r="CK36" s="404"/>
      <c r="CL36" s="404"/>
      <c r="CM36" s="404"/>
      <c r="CN36" s="181"/>
      <c r="CO36" s="403" t="str">
        <f t="shared" si="3"/>
        <v/>
      </c>
      <c r="CP36" s="403"/>
      <c r="CQ36" s="404" t="str">
        <f>IF('各会計、関係団体の財政状況及び健全化判断比率'!BS9="","",'各会計、関係団体の財政状況及び健全化判断比率'!BS9)</f>
        <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8"/>
    </row>
    <row r="37" spans="1:113" ht="32.25" customHeight="1" x14ac:dyDescent="0.2">
      <c r="A37" s="181"/>
      <c r="B37" s="205"/>
      <c r="C37" s="403" t="str">
        <f>IF(E37="","",C36+1)</f>
        <v/>
      </c>
      <c r="D37" s="403"/>
      <c r="E37" s="404" t="str">
        <f>IF('各会計、関係団体の財政状況及び健全化判断比率'!B10="","",'各会計、関係団体の財政状況及び健全化判断比率'!B10)</f>
        <v/>
      </c>
      <c r="F37" s="404"/>
      <c r="G37" s="404"/>
      <c r="H37" s="404"/>
      <c r="I37" s="404"/>
      <c r="J37" s="404"/>
      <c r="K37" s="404"/>
      <c r="L37" s="404"/>
      <c r="M37" s="404"/>
      <c r="N37" s="404"/>
      <c r="O37" s="404"/>
      <c r="P37" s="404"/>
      <c r="Q37" s="404"/>
      <c r="R37" s="404"/>
      <c r="S37" s="404"/>
      <c r="T37" s="181"/>
      <c r="U37" s="403" t="str">
        <f t="shared" si="4"/>
        <v/>
      </c>
      <c r="V37" s="403"/>
      <c r="W37" s="404"/>
      <c r="X37" s="404"/>
      <c r="Y37" s="404"/>
      <c r="Z37" s="404"/>
      <c r="AA37" s="404"/>
      <c r="AB37" s="404"/>
      <c r="AC37" s="404"/>
      <c r="AD37" s="404"/>
      <c r="AE37" s="404"/>
      <c r="AF37" s="404"/>
      <c r="AG37" s="404"/>
      <c r="AH37" s="404"/>
      <c r="AI37" s="404"/>
      <c r="AJ37" s="404"/>
      <c r="AK37" s="404"/>
      <c r="AL37" s="181"/>
      <c r="AM37" s="403" t="str">
        <f t="shared" si="0"/>
        <v/>
      </c>
      <c r="AN37" s="403"/>
      <c r="AO37" s="404"/>
      <c r="AP37" s="404"/>
      <c r="AQ37" s="404"/>
      <c r="AR37" s="404"/>
      <c r="AS37" s="404"/>
      <c r="AT37" s="404"/>
      <c r="AU37" s="404"/>
      <c r="AV37" s="404"/>
      <c r="AW37" s="404"/>
      <c r="AX37" s="404"/>
      <c r="AY37" s="404"/>
      <c r="AZ37" s="404"/>
      <c r="BA37" s="404"/>
      <c r="BB37" s="404"/>
      <c r="BC37" s="404"/>
      <c r="BD37" s="181"/>
      <c r="BE37" s="403" t="str">
        <f t="shared" si="1"/>
        <v/>
      </c>
      <c r="BF37" s="403"/>
      <c r="BG37" s="404"/>
      <c r="BH37" s="404"/>
      <c r="BI37" s="404"/>
      <c r="BJ37" s="404"/>
      <c r="BK37" s="404"/>
      <c r="BL37" s="404"/>
      <c r="BM37" s="404"/>
      <c r="BN37" s="404"/>
      <c r="BO37" s="404"/>
      <c r="BP37" s="404"/>
      <c r="BQ37" s="404"/>
      <c r="BR37" s="404"/>
      <c r="BS37" s="404"/>
      <c r="BT37" s="404"/>
      <c r="BU37" s="404"/>
      <c r="BV37" s="181"/>
      <c r="BW37" s="403">
        <f t="shared" si="2"/>
        <v>9</v>
      </c>
      <c r="BX37" s="403"/>
      <c r="BY37" s="404" t="str">
        <f>IF('各会計、関係団体の財政状況及び健全化判断比率'!B71="","",'各会計、関係団体の財政状況及び健全化判断比率'!B71)</f>
        <v>神奈川県後期高齢者医療広域連合（特別会計）</v>
      </c>
      <c r="BZ37" s="404"/>
      <c r="CA37" s="404"/>
      <c r="CB37" s="404"/>
      <c r="CC37" s="404"/>
      <c r="CD37" s="404"/>
      <c r="CE37" s="404"/>
      <c r="CF37" s="404"/>
      <c r="CG37" s="404"/>
      <c r="CH37" s="404"/>
      <c r="CI37" s="404"/>
      <c r="CJ37" s="404"/>
      <c r="CK37" s="404"/>
      <c r="CL37" s="404"/>
      <c r="CM37" s="404"/>
      <c r="CN37" s="181"/>
      <c r="CO37" s="403" t="str">
        <f t="shared" si="3"/>
        <v/>
      </c>
      <c r="CP37" s="403"/>
      <c r="CQ37" s="404" t="str">
        <f>IF('各会計、関係団体の財政状況及び健全化判断比率'!BS10="","",'各会計、関係団体の財政状況及び健全化判断比率'!BS10)</f>
        <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8"/>
    </row>
    <row r="38" spans="1:113" ht="32.25" customHeight="1" x14ac:dyDescent="0.2">
      <c r="A38" s="181"/>
      <c r="B38" s="205"/>
      <c r="C38" s="403" t="str">
        <f t="shared" ref="C38:C43" si="5">IF(E38="","",C37+1)</f>
        <v/>
      </c>
      <c r="D38" s="403"/>
      <c r="E38" s="404" t="str">
        <f>IF('各会計、関係団体の財政状況及び健全化判断比率'!B11="","",'各会計、関係団体の財政状況及び健全化判断比率'!B11)</f>
        <v/>
      </c>
      <c r="F38" s="404"/>
      <c r="G38" s="404"/>
      <c r="H38" s="404"/>
      <c r="I38" s="404"/>
      <c r="J38" s="404"/>
      <c r="K38" s="404"/>
      <c r="L38" s="404"/>
      <c r="M38" s="404"/>
      <c r="N38" s="404"/>
      <c r="O38" s="404"/>
      <c r="P38" s="404"/>
      <c r="Q38" s="404"/>
      <c r="R38" s="404"/>
      <c r="S38" s="404"/>
      <c r="T38" s="181"/>
      <c r="U38" s="403" t="str">
        <f t="shared" si="4"/>
        <v/>
      </c>
      <c r="V38" s="403"/>
      <c r="W38" s="404"/>
      <c r="X38" s="404"/>
      <c r="Y38" s="404"/>
      <c r="Z38" s="404"/>
      <c r="AA38" s="404"/>
      <c r="AB38" s="404"/>
      <c r="AC38" s="404"/>
      <c r="AD38" s="404"/>
      <c r="AE38" s="404"/>
      <c r="AF38" s="404"/>
      <c r="AG38" s="404"/>
      <c r="AH38" s="404"/>
      <c r="AI38" s="404"/>
      <c r="AJ38" s="404"/>
      <c r="AK38" s="404"/>
      <c r="AL38" s="181"/>
      <c r="AM38" s="403" t="str">
        <f t="shared" si="0"/>
        <v/>
      </c>
      <c r="AN38" s="403"/>
      <c r="AO38" s="404"/>
      <c r="AP38" s="404"/>
      <c r="AQ38" s="404"/>
      <c r="AR38" s="404"/>
      <c r="AS38" s="404"/>
      <c r="AT38" s="404"/>
      <c r="AU38" s="404"/>
      <c r="AV38" s="404"/>
      <c r="AW38" s="404"/>
      <c r="AX38" s="404"/>
      <c r="AY38" s="404"/>
      <c r="AZ38" s="404"/>
      <c r="BA38" s="404"/>
      <c r="BB38" s="404"/>
      <c r="BC38" s="404"/>
      <c r="BD38" s="181"/>
      <c r="BE38" s="403" t="str">
        <f t="shared" si="1"/>
        <v/>
      </c>
      <c r="BF38" s="403"/>
      <c r="BG38" s="404"/>
      <c r="BH38" s="404"/>
      <c r="BI38" s="404"/>
      <c r="BJ38" s="404"/>
      <c r="BK38" s="404"/>
      <c r="BL38" s="404"/>
      <c r="BM38" s="404"/>
      <c r="BN38" s="404"/>
      <c r="BO38" s="404"/>
      <c r="BP38" s="404"/>
      <c r="BQ38" s="404"/>
      <c r="BR38" s="404"/>
      <c r="BS38" s="404"/>
      <c r="BT38" s="404"/>
      <c r="BU38" s="404"/>
      <c r="BV38" s="181"/>
      <c r="BW38" s="403" t="str">
        <f t="shared" si="2"/>
        <v/>
      </c>
      <c r="BX38" s="403"/>
      <c r="BY38" s="404" t="str">
        <f>IF('各会計、関係団体の財政状況及び健全化判断比率'!B72="","",'各会計、関係団体の財政状況及び健全化判断比率'!B72)</f>
        <v/>
      </c>
      <c r="BZ38" s="404"/>
      <c r="CA38" s="404"/>
      <c r="CB38" s="404"/>
      <c r="CC38" s="404"/>
      <c r="CD38" s="404"/>
      <c r="CE38" s="404"/>
      <c r="CF38" s="404"/>
      <c r="CG38" s="404"/>
      <c r="CH38" s="404"/>
      <c r="CI38" s="404"/>
      <c r="CJ38" s="404"/>
      <c r="CK38" s="404"/>
      <c r="CL38" s="404"/>
      <c r="CM38" s="404"/>
      <c r="CN38" s="181"/>
      <c r="CO38" s="403" t="str">
        <f t="shared" si="3"/>
        <v/>
      </c>
      <c r="CP38" s="403"/>
      <c r="CQ38" s="404" t="str">
        <f>IF('各会計、関係団体の財政状況及び健全化判断比率'!BS11="","",'各会計、関係団体の財政状況及び健全化判断比率'!BS11)</f>
        <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8"/>
    </row>
    <row r="39" spans="1:113" ht="32.25" customHeight="1" x14ac:dyDescent="0.2">
      <c r="A39" s="181"/>
      <c r="B39" s="205"/>
      <c r="C39" s="403" t="str">
        <f t="shared" si="5"/>
        <v/>
      </c>
      <c r="D39" s="403"/>
      <c r="E39" s="404" t="str">
        <f>IF('各会計、関係団体の財政状況及び健全化判断比率'!B12="","",'各会計、関係団体の財政状況及び健全化判断比率'!B12)</f>
        <v/>
      </c>
      <c r="F39" s="404"/>
      <c r="G39" s="404"/>
      <c r="H39" s="404"/>
      <c r="I39" s="404"/>
      <c r="J39" s="404"/>
      <c r="K39" s="404"/>
      <c r="L39" s="404"/>
      <c r="M39" s="404"/>
      <c r="N39" s="404"/>
      <c r="O39" s="404"/>
      <c r="P39" s="404"/>
      <c r="Q39" s="404"/>
      <c r="R39" s="404"/>
      <c r="S39" s="404"/>
      <c r="T39" s="181"/>
      <c r="U39" s="403" t="str">
        <f t="shared" si="4"/>
        <v/>
      </c>
      <c r="V39" s="403"/>
      <c r="W39" s="404"/>
      <c r="X39" s="404"/>
      <c r="Y39" s="404"/>
      <c r="Z39" s="404"/>
      <c r="AA39" s="404"/>
      <c r="AB39" s="404"/>
      <c r="AC39" s="404"/>
      <c r="AD39" s="404"/>
      <c r="AE39" s="404"/>
      <c r="AF39" s="404"/>
      <c r="AG39" s="404"/>
      <c r="AH39" s="404"/>
      <c r="AI39" s="404"/>
      <c r="AJ39" s="404"/>
      <c r="AK39" s="404"/>
      <c r="AL39" s="181"/>
      <c r="AM39" s="403" t="str">
        <f t="shared" si="0"/>
        <v/>
      </c>
      <c r="AN39" s="403"/>
      <c r="AO39" s="404"/>
      <c r="AP39" s="404"/>
      <c r="AQ39" s="404"/>
      <c r="AR39" s="404"/>
      <c r="AS39" s="404"/>
      <c r="AT39" s="404"/>
      <c r="AU39" s="404"/>
      <c r="AV39" s="404"/>
      <c r="AW39" s="404"/>
      <c r="AX39" s="404"/>
      <c r="AY39" s="404"/>
      <c r="AZ39" s="404"/>
      <c r="BA39" s="404"/>
      <c r="BB39" s="404"/>
      <c r="BC39" s="404"/>
      <c r="BD39" s="181"/>
      <c r="BE39" s="403" t="str">
        <f t="shared" si="1"/>
        <v/>
      </c>
      <c r="BF39" s="403"/>
      <c r="BG39" s="404"/>
      <c r="BH39" s="404"/>
      <c r="BI39" s="404"/>
      <c r="BJ39" s="404"/>
      <c r="BK39" s="404"/>
      <c r="BL39" s="404"/>
      <c r="BM39" s="404"/>
      <c r="BN39" s="404"/>
      <c r="BO39" s="404"/>
      <c r="BP39" s="404"/>
      <c r="BQ39" s="404"/>
      <c r="BR39" s="404"/>
      <c r="BS39" s="404"/>
      <c r="BT39" s="404"/>
      <c r="BU39" s="404"/>
      <c r="BV39" s="181"/>
      <c r="BW39" s="403" t="str">
        <f t="shared" si="2"/>
        <v/>
      </c>
      <c r="BX39" s="403"/>
      <c r="BY39" s="404" t="str">
        <f>IF('各会計、関係団体の財政状況及び健全化判断比率'!B73="","",'各会計、関係団体の財政状況及び健全化判断比率'!B73)</f>
        <v/>
      </c>
      <c r="BZ39" s="404"/>
      <c r="CA39" s="404"/>
      <c r="CB39" s="404"/>
      <c r="CC39" s="404"/>
      <c r="CD39" s="404"/>
      <c r="CE39" s="404"/>
      <c r="CF39" s="404"/>
      <c r="CG39" s="404"/>
      <c r="CH39" s="404"/>
      <c r="CI39" s="404"/>
      <c r="CJ39" s="404"/>
      <c r="CK39" s="404"/>
      <c r="CL39" s="404"/>
      <c r="CM39" s="404"/>
      <c r="CN39" s="181"/>
      <c r="CO39" s="403" t="str">
        <f t="shared" si="3"/>
        <v/>
      </c>
      <c r="CP39" s="403"/>
      <c r="CQ39" s="404" t="str">
        <f>IF('各会計、関係団体の財政状況及び健全化判断比率'!BS12="","",'各会計、関係団体の財政状況及び健全化判断比率'!BS12)</f>
        <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
      </c>
      <c r="DH39" s="401"/>
      <c r="DI39" s="208"/>
    </row>
    <row r="40" spans="1:113" ht="32.25" customHeight="1" x14ac:dyDescent="0.2">
      <c r="A40" s="181"/>
      <c r="B40" s="205"/>
      <c r="C40" s="403" t="str">
        <f t="shared" si="5"/>
        <v/>
      </c>
      <c r="D40" s="403"/>
      <c r="E40" s="404" t="str">
        <f>IF('各会計、関係団体の財政状況及び健全化判断比率'!B13="","",'各会計、関係団体の財政状況及び健全化判断比率'!B13)</f>
        <v/>
      </c>
      <c r="F40" s="404"/>
      <c r="G40" s="404"/>
      <c r="H40" s="404"/>
      <c r="I40" s="404"/>
      <c r="J40" s="404"/>
      <c r="K40" s="404"/>
      <c r="L40" s="404"/>
      <c r="M40" s="404"/>
      <c r="N40" s="404"/>
      <c r="O40" s="404"/>
      <c r="P40" s="404"/>
      <c r="Q40" s="404"/>
      <c r="R40" s="404"/>
      <c r="S40" s="404"/>
      <c r="T40" s="181"/>
      <c r="U40" s="403" t="str">
        <f t="shared" si="4"/>
        <v/>
      </c>
      <c r="V40" s="403"/>
      <c r="W40" s="404"/>
      <c r="X40" s="404"/>
      <c r="Y40" s="404"/>
      <c r="Z40" s="404"/>
      <c r="AA40" s="404"/>
      <c r="AB40" s="404"/>
      <c r="AC40" s="404"/>
      <c r="AD40" s="404"/>
      <c r="AE40" s="404"/>
      <c r="AF40" s="404"/>
      <c r="AG40" s="404"/>
      <c r="AH40" s="404"/>
      <c r="AI40" s="404"/>
      <c r="AJ40" s="404"/>
      <c r="AK40" s="404"/>
      <c r="AL40" s="181"/>
      <c r="AM40" s="403" t="str">
        <f t="shared" si="0"/>
        <v/>
      </c>
      <c r="AN40" s="403"/>
      <c r="AO40" s="404"/>
      <c r="AP40" s="404"/>
      <c r="AQ40" s="404"/>
      <c r="AR40" s="404"/>
      <c r="AS40" s="404"/>
      <c r="AT40" s="404"/>
      <c r="AU40" s="404"/>
      <c r="AV40" s="404"/>
      <c r="AW40" s="404"/>
      <c r="AX40" s="404"/>
      <c r="AY40" s="404"/>
      <c r="AZ40" s="404"/>
      <c r="BA40" s="404"/>
      <c r="BB40" s="404"/>
      <c r="BC40" s="404"/>
      <c r="BD40" s="181"/>
      <c r="BE40" s="403" t="str">
        <f t="shared" si="1"/>
        <v/>
      </c>
      <c r="BF40" s="403"/>
      <c r="BG40" s="404"/>
      <c r="BH40" s="404"/>
      <c r="BI40" s="404"/>
      <c r="BJ40" s="404"/>
      <c r="BK40" s="404"/>
      <c r="BL40" s="404"/>
      <c r="BM40" s="404"/>
      <c r="BN40" s="404"/>
      <c r="BO40" s="404"/>
      <c r="BP40" s="404"/>
      <c r="BQ40" s="404"/>
      <c r="BR40" s="404"/>
      <c r="BS40" s="404"/>
      <c r="BT40" s="404"/>
      <c r="BU40" s="404"/>
      <c r="BV40" s="181"/>
      <c r="BW40" s="403" t="str">
        <f t="shared" si="2"/>
        <v/>
      </c>
      <c r="BX40" s="403"/>
      <c r="BY40" s="404" t="str">
        <f>IF('各会計、関係団体の財政状況及び健全化判断比率'!B74="","",'各会計、関係団体の財政状況及び健全化判断比率'!B74)</f>
        <v/>
      </c>
      <c r="BZ40" s="404"/>
      <c r="CA40" s="404"/>
      <c r="CB40" s="404"/>
      <c r="CC40" s="404"/>
      <c r="CD40" s="404"/>
      <c r="CE40" s="404"/>
      <c r="CF40" s="404"/>
      <c r="CG40" s="404"/>
      <c r="CH40" s="404"/>
      <c r="CI40" s="404"/>
      <c r="CJ40" s="404"/>
      <c r="CK40" s="404"/>
      <c r="CL40" s="404"/>
      <c r="CM40" s="404"/>
      <c r="CN40" s="181"/>
      <c r="CO40" s="403" t="str">
        <f t="shared" si="3"/>
        <v/>
      </c>
      <c r="CP40" s="403"/>
      <c r="CQ40" s="404" t="str">
        <f>IF('各会計、関係団体の財政状況及び健全化判断比率'!BS13="","",'各会計、関係団体の財政状況及び健全化判断比率'!BS13)</f>
        <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8"/>
    </row>
    <row r="41" spans="1:113" ht="32.25" customHeight="1" x14ac:dyDescent="0.2">
      <c r="A41" s="181"/>
      <c r="B41" s="205"/>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81"/>
      <c r="U41" s="403" t="str">
        <f t="shared" si="4"/>
        <v/>
      </c>
      <c r="V41" s="403"/>
      <c r="W41" s="404"/>
      <c r="X41" s="404"/>
      <c r="Y41" s="404"/>
      <c r="Z41" s="404"/>
      <c r="AA41" s="404"/>
      <c r="AB41" s="404"/>
      <c r="AC41" s="404"/>
      <c r="AD41" s="404"/>
      <c r="AE41" s="404"/>
      <c r="AF41" s="404"/>
      <c r="AG41" s="404"/>
      <c r="AH41" s="404"/>
      <c r="AI41" s="404"/>
      <c r="AJ41" s="404"/>
      <c r="AK41" s="404"/>
      <c r="AL41" s="181"/>
      <c r="AM41" s="403" t="str">
        <f t="shared" si="0"/>
        <v/>
      </c>
      <c r="AN41" s="403"/>
      <c r="AO41" s="404"/>
      <c r="AP41" s="404"/>
      <c r="AQ41" s="404"/>
      <c r="AR41" s="404"/>
      <c r="AS41" s="404"/>
      <c r="AT41" s="404"/>
      <c r="AU41" s="404"/>
      <c r="AV41" s="404"/>
      <c r="AW41" s="404"/>
      <c r="AX41" s="404"/>
      <c r="AY41" s="404"/>
      <c r="AZ41" s="404"/>
      <c r="BA41" s="404"/>
      <c r="BB41" s="404"/>
      <c r="BC41" s="404"/>
      <c r="BD41" s="181"/>
      <c r="BE41" s="403" t="str">
        <f t="shared" si="1"/>
        <v/>
      </c>
      <c r="BF41" s="403"/>
      <c r="BG41" s="404"/>
      <c r="BH41" s="404"/>
      <c r="BI41" s="404"/>
      <c r="BJ41" s="404"/>
      <c r="BK41" s="404"/>
      <c r="BL41" s="404"/>
      <c r="BM41" s="404"/>
      <c r="BN41" s="404"/>
      <c r="BO41" s="404"/>
      <c r="BP41" s="404"/>
      <c r="BQ41" s="404"/>
      <c r="BR41" s="404"/>
      <c r="BS41" s="404"/>
      <c r="BT41" s="404"/>
      <c r="BU41" s="404"/>
      <c r="BV41" s="181"/>
      <c r="BW41" s="403" t="str">
        <f t="shared" si="2"/>
        <v/>
      </c>
      <c r="BX41" s="403"/>
      <c r="BY41" s="404" t="str">
        <f>IF('各会計、関係団体の財政状況及び健全化判断比率'!B75="","",'各会計、関係団体の財政状況及び健全化判断比率'!B75)</f>
        <v/>
      </c>
      <c r="BZ41" s="404"/>
      <c r="CA41" s="404"/>
      <c r="CB41" s="404"/>
      <c r="CC41" s="404"/>
      <c r="CD41" s="404"/>
      <c r="CE41" s="404"/>
      <c r="CF41" s="404"/>
      <c r="CG41" s="404"/>
      <c r="CH41" s="404"/>
      <c r="CI41" s="404"/>
      <c r="CJ41" s="404"/>
      <c r="CK41" s="404"/>
      <c r="CL41" s="404"/>
      <c r="CM41" s="404"/>
      <c r="CN41" s="181"/>
      <c r="CO41" s="403" t="str">
        <f t="shared" si="3"/>
        <v/>
      </c>
      <c r="CP41" s="403"/>
      <c r="CQ41" s="404" t="str">
        <f>IF('各会計、関係団体の財政状況及び健全化判断比率'!BS14="","",'各会計、関係団体の財政状況及び健全化判断比率'!BS14)</f>
        <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8"/>
    </row>
    <row r="42" spans="1:113" ht="32.25" customHeight="1" x14ac:dyDescent="0.2">
      <c r="B42" s="205"/>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81"/>
      <c r="U42" s="403" t="str">
        <f t="shared" si="4"/>
        <v/>
      </c>
      <c r="V42" s="403"/>
      <c r="W42" s="404"/>
      <c r="X42" s="404"/>
      <c r="Y42" s="404"/>
      <c r="Z42" s="404"/>
      <c r="AA42" s="404"/>
      <c r="AB42" s="404"/>
      <c r="AC42" s="404"/>
      <c r="AD42" s="404"/>
      <c r="AE42" s="404"/>
      <c r="AF42" s="404"/>
      <c r="AG42" s="404"/>
      <c r="AH42" s="404"/>
      <c r="AI42" s="404"/>
      <c r="AJ42" s="404"/>
      <c r="AK42" s="404"/>
      <c r="AL42" s="181"/>
      <c r="AM42" s="403" t="str">
        <f t="shared" si="0"/>
        <v/>
      </c>
      <c r="AN42" s="403"/>
      <c r="AO42" s="404"/>
      <c r="AP42" s="404"/>
      <c r="AQ42" s="404"/>
      <c r="AR42" s="404"/>
      <c r="AS42" s="404"/>
      <c r="AT42" s="404"/>
      <c r="AU42" s="404"/>
      <c r="AV42" s="404"/>
      <c r="AW42" s="404"/>
      <c r="AX42" s="404"/>
      <c r="AY42" s="404"/>
      <c r="AZ42" s="404"/>
      <c r="BA42" s="404"/>
      <c r="BB42" s="404"/>
      <c r="BC42" s="404"/>
      <c r="BD42" s="181"/>
      <c r="BE42" s="403" t="str">
        <f t="shared" si="1"/>
        <v/>
      </c>
      <c r="BF42" s="403"/>
      <c r="BG42" s="404"/>
      <c r="BH42" s="404"/>
      <c r="BI42" s="404"/>
      <c r="BJ42" s="404"/>
      <c r="BK42" s="404"/>
      <c r="BL42" s="404"/>
      <c r="BM42" s="404"/>
      <c r="BN42" s="404"/>
      <c r="BO42" s="404"/>
      <c r="BP42" s="404"/>
      <c r="BQ42" s="404"/>
      <c r="BR42" s="404"/>
      <c r="BS42" s="404"/>
      <c r="BT42" s="404"/>
      <c r="BU42" s="404"/>
      <c r="BV42" s="181"/>
      <c r="BW42" s="403" t="str">
        <f t="shared" si="2"/>
        <v/>
      </c>
      <c r="BX42" s="403"/>
      <c r="BY42" s="404" t="str">
        <f>IF('各会計、関係団体の財政状況及び健全化判断比率'!B76="","",'各会計、関係団体の財政状況及び健全化判断比率'!B76)</f>
        <v/>
      </c>
      <c r="BZ42" s="404"/>
      <c r="CA42" s="404"/>
      <c r="CB42" s="404"/>
      <c r="CC42" s="404"/>
      <c r="CD42" s="404"/>
      <c r="CE42" s="404"/>
      <c r="CF42" s="404"/>
      <c r="CG42" s="404"/>
      <c r="CH42" s="404"/>
      <c r="CI42" s="404"/>
      <c r="CJ42" s="404"/>
      <c r="CK42" s="404"/>
      <c r="CL42" s="404"/>
      <c r="CM42" s="404"/>
      <c r="CN42" s="181"/>
      <c r="CO42" s="403" t="str">
        <f t="shared" si="3"/>
        <v/>
      </c>
      <c r="CP42" s="403"/>
      <c r="CQ42" s="404" t="str">
        <f>IF('各会計、関係団体の財政状況及び健全化判断比率'!BS15="","",'各会計、関係団体の財政状況及び健全化判断比率'!BS15)</f>
        <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8"/>
    </row>
    <row r="43" spans="1:113" ht="32.25" customHeight="1" x14ac:dyDescent="0.2">
      <c r="B43" s="205"/>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81"/>
      <c r="U43" s="403" t="str">
        <f t="shared" si="4"/>
        <v/>
      </c>
      <c r="V43" s="403"/>
      <c r="W43" s="404"/>
      <c r="X43" s="404"/>
      <c r="Y43" s="404"/>
      <c r="Z43" s="404"/>
      <c r="AA43" s="404"/>
      <c r="AB43" s="404"/>
      <c r="AC43" s="404"/>
      <c r="AD43" s="404"/>
      <c r="AE43" s="404"/>
      <c r="AF43" s="404"/>
      <c r="AG43" s="404"/>
      <c r="AH43" s="404"/>
      <c r="AI43" s="404"/>
      <c r="AJ43" s="404"/>
      <c r="AK43" s="404"/>
      <c r="AL43" s="181"/>
      <c r="AM43" s="403" t="str">
        <f t="shared" si="0"/>
        <v/>
      </c>
      <c r="AN43" s="403"/>
      <c r="AO43" s="404"/>
      <c r="AP43" s="404"/>
      <c r="AQ43" s="404"/>
      <c r="AR43" s="404"/>
      <c r="AS43" s="404"/>
      <c r="AT43" s="404"/>
      <c r="AU43" s="404"/>
      <c r="AV43" s="404"/>
      <c r="AW43" s="404"/>
      <c r="AX43" s="404"/>
      <c r="AY43" s="404"/>
      <c r="AZ43" s="404"/>
      <c r="BA43" s="404"/>
      <c r="BB43" s="404"/>
      <c r="BC43" s="404"/>
      <c r="BD43" s="181"/>
      <c r="BE43" s="403" t="str">
        <f t="shared" si="1"/>
        <v/>
      </c>
      <c r="BF43" s="403"/>
      <c r="BG43" s="404"/>
      <c r="BH43" s="404"/>
      <c r="BI43" s="404"/>
      <c r="BJ43" s="404"/>
      <c r="BK43" s="404"/>
      <c r="BL43" s="404"/>
      <c r="BM43" s="404"/>
      <c r="BN43" s="404"/>
      <c r="BO43" s="404"/>
      <c r="BP43" s="404"/>
      <c r="BQ43" s="404"/>
      <c r="BR43" s="404"/>
      <c r="BS43" s="404"/>
      <c r="BT43" s="404"/>
      <c r="BU43" s="404"/>
      <c r="BV43" s="181"/>
      <c r="BW43" s="403" t="str">
        <f t="shared" si="2"/>
        <v/>
      </c>
      <c r="BX43" s="403"/>
      <c r="BY43" s="404" t="str">
        <f>IF('各会計、関係団体の財政状況及び健全化判断比率'!B77="","",'各会計、関係団体の財政状況及び健全化判断比率'!B77)</f>
        <v/>
      </c>
      <c r="BZ43" s="404"/>
      <c r="CA43" s="404"/>
      <c r="CB43" s="404"/>
      <c r="CC43" s="404"/>
      <c r="CD43" s="404"/>
      <c r="CE43" s="404"/>
      <c r="CF43" s="404"/>
      <c r="CG43" s="404"/>
      <c r="CH43" s="404"/>
      <c r="CI43" s="404"/>
      <c r="CJ43" s="404"/>
      <c r="CK43" s="404"/>
      <c r="CL43" s="404"/>
      <c r="CM43" s="404"/>
      <c r="CN43" s="181"/>
      <c r="CO43" s="403" t="str">
        <f t="shared" si="3"/>
        <v/>
      </c>
      <c r="CP43" s="403"/>
      <c r="CQ43" s="404" t="str">
        <f>IF('各会計、関係団体の財政状況及び健全化判断比率'!BS16="","",'各会計、関係団体の財政状況及び健全化判断比率'!BS16)</f>
        <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7</v>
      </c>
      <c r="E46" s="400" t="s">
        <v>208</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09</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10</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11</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12</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3</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14</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15</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izZcSGmHpBg+IaYDph+d8FlCtXGgmumTy47CiiE08qJef1ZQIb32hpIRiz8+sOys5t3qhYjab91mVKrGKxz+YQ==" saltValue="047tgKxtLUkh4ccGTgSnAQ=="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66</v>
      </c>
      <c r="G33" s="29" t="s">
        <v>567</v>
      </c>
      <c r="H33" s="29" t="s">
        <v>568</v>
      </c>
      <c r="I33" s="29" t="s">
        <v>569</v>
      </c>
      <c r="J33" s="30" t="s">
        <v>570</v>
      </c>
      <c r="K33" s="22"/>
      <c r="L33" s="22"/>
      <c r="M33" s="22"/>
      <c r="N33" s="22"/>
      <c r="O33" s="22"/>
      <c r="P33" s="22"/>
    </row>
    <row r="34" spans="1:16" ht="39" customHeight="1" x14ac:dyDescent="0.2">
      <c r="A34" s="22"/>
      <c r="B34" s="31"/>
      <c r="C34" s="1187" t="s">
        <v>571</v>
      </c>
      <c r="D34" s="1187"/>
      <c r="E34" s="1188"/>
      <c r="F34" s="32">
        <v>11.73</v>
      </c>
      <c r="G34" s="33">
        <v>11.55</v>
      </c>
      <c r="H34" s="33">
        <v>10.07</v>
      </c>
      <c r="I34" s="33">
        <v>22.76</v>
      </c>
      <c r="J34" s="34">
        <v>18.829999999999998</v>
      </c>
      <c r="K34" s="22"/>
      <c r="L34" s="22"/>
      <c r="M34" s="22"/>
      <c r="N34" s="22"/>
      <c r="O34" s="22"/>
      <c r="P34" s="22"/>
    </row>
    <row r="35" spans="1:16" ht="39" customHeight="1" x14ac:dyDescent="0.2">
      <c r="A35" s="22"/>
      <c r="B35" s="35"/>
      <c r="C35" s="1181" t="s">
        <v>572</v>
      </c>
      <c r="D35" s="1182"/>
      <c r="E35" s="1183"/>
      <c r="F35" s="36">
        <v>2.6</v>
      </c>
      <c r="G35" s="37">
        <v>3.26</v>
      </c>
      <c r="H35" s="37">
        <v>3.65</v>
      </c>
      <c r="I35" s="37">
        <v>2.6</v>
      </c>
      <c r="J35" s="38">
        <v>2.2200000000000002</v>
      </c>
      <c r="K35" s="22"/>
      <c r="L35" s="22"/>
      <c r="M35" s="22"/>
      <c r="N35" s="22"/>
      <c r="O35" s="22"/>
      <c r="P35" s="22"/>
    </row>
    <row r="36" spans="1:16" ht="39" customHeight="1" x14ac:dyDescent="0.2">
      <c r="A36" s="22"/>
      <c r="B36" s="35"/>
      <c r="C36" s="1181" t="s">
        <v>573</v>
      </c>
      <c r="D36" s="1182"/>
      <c r="E36" s="1183"/>
      <c r="F36" s="36">
        <v>1.4</v>
      </c>
      <c r="G36" s="37">
        <v>0.61</v>
      </c>
      <c r="H36" s="37">
        <v>2.0499999999999998</v>
      </c>
      <c r="I36" s="37">
        <v>1.89</v>
      </c>
      <c r="J36" s="38">
        <v>1.39</v>
      </c>
      <c r="K36" s="22"/>
      <c r="L36" s="22"/>
      <c r="M36" s="22"/>
      <c r="N36" s="22"/>
      <c r="O36" s="22"/>
      <c r="P36" s="22"/>
    </row>
    <row r="37" spans="1:16" ht="39" customHeight="1" x14ac:dyDescent="0.2">
      <c r="A37" s="22"/>
      <c r="B37" s="35"/>
      <c r="C37" s="1181" t="s">
        <v>574</v>
      </c>
      <c r="D37" s="1182"/>
      <c r="E37" s="1183"/>
      <c r="F37" s="36">
        <v>1.33</v>
      </c>
      <c r="G37" s="37">
        <v>1.1000000000000001</v>
      </c>
      <c r="H37" s="37">
        <v>1.26</v>
      </c>
      <c r="I37" s="37">
        <v>1.24</v>
      </c>
      <c r="J37" s="38">
        <v>1.1499999999999999</v>
      </c>
      <c r="K37" s="22"/>
      <c r="L37" s="22"/>
      <c r="M37" s="22"/>
      <c r="N37" s="22"/>
      <c r="O37" s="22"/>
      <c r="P37" s="22"/>
    </row>
    <row r="38" spans="1:16" ht="39" customHeight="1" x14ac:dyDescent="0.2">
      <c r="A38" s="22"/>
      <c r="B38" s="35"/>
      <c r="C38" s="1181" t="s">
        <v>575</v>
      </c>
      <c r="D38" s="1182"/>
      <c r="E38" s="1183"/>
      <c r="F38" s="36">
        <v>0.24</v>
      </c>
      <c r="G38" s="37">
        <v>0.26</v>
      </c>
      <c r="H38" s="37">
        <v>0.28000000000000003</v>
      </c>
      <c r="I38" s="37">
        <v>0.62</v>
      </c>
      <c r="J38" s="38">
        <v>0.28000000000000003</v>
      </c>
      <c r="K38" s="22"/>
      <c r="L38" s="22"/>
      <c r="M38" s="22"/>
      <c r="N38" s="22"/>
      <c r="O38" s="22"/>
      <c r="P38" s="22"/>
    </row>
    <row r="39" spans="1:16" ht="39" customHeight="1" x14ac:dyDescent="0.2">
      <c r="A39" s="22"/>
      <c r="B39" s="35"/>
      <c r="C39" s="1181"/>
      <c r="D39" s="1182"/>
      <c r="E39" s="1183"/>
      <c r="F39" s="36"/>
      <c r="G39" s="37"/>
      <c r="H39" s="37"/>
      <c r="I39" s="37"/>
      <c r="J39" s="38"/>
      <c r="K39" s="22"/>
      <c r="L39" s="22"/>
      <c r="M39" s="22"/>
      <c r="N39" s="22"/>
      <c r="O39" s="22"/>
      <c r="P39" s="22"/>
    </row>
    <row r="40" spans="1:16" ht="39" customHeight="1" x14ac:dyDescent="0.2">
      <c r="A40" s="22"/>
      <c r="B40" s="35"/>
      <c r="C40" s="1181"/>
      <c r="D40" s="1182"/>
      <c r="E40" s="1183"/>
      <c r="F40" s="36"/>
      <c r="G40" s="37"/>
      <c r="H40" s="37"/>
      <c r="I40" s="37"/>
      <c r="J40" s="38"/>
      <c r="K40" s="22"/>
      <c r="L40" s="22"/>
      <c r="M40" s="22"/>
      <c r="N40" s="22"/>
      <c r="O40" s="22"/>
      <c r="P40" s="22"/>
    </row>
    <row r="41" spans="1:16" ht="39" customHeight="1" x14ac:dyDescent="0.2">
      <c r="A41" s="22"/>
      <c r="B41" s="35"/>
      <c r="C41" s="1181"/>
      <c r="D41" s="1182"/>
      <c r="E41" s="1183"/>
      <c r="F41" s="36"/>
      <c r="G41" s="37"/>
      <c r="H41" s="37"/>
      <c r="I41" s="37"/>
      <c r="J41" s="38"/>
      <c r="K41" s="22"/>
      <c r="L41" s="22"/>
      <c r="M41" s="22"/>
      <c r="N41" s="22"/>
      <c r="O41" s="22"/>
      <c r="P41" s="22"/>
    </row>
    <row r="42" spans="1:16" ht="39" customHeight="1" x14ac:dyDescent="0.2">
      <c r="A42" s="22"/>
      <c r="B42" s="39"/>
      <c r="C42" s="1181" t="s">
        <v>576</v>
      </c>
      <c r="D42" s="1182"/>
      <c r="E42" s="1183"/>
      <c r="F42" s="36" t="s">
        <v>525</v>
      </c>
      <c r="G42" s="37" t="s">
        <v>525</v>
      </c>
      <c r="H42" s="37" t="s">
        <v>525</v>
      </c>
      <c r="I42" s="37" t="s">
        <v>525</v>
      </c>
      <c r="J42" s="38" t="s">
        <v>525</v>
      </c>
      <c r="K42" s="22"/>
      <c r="L42" s="22"/>
      <c r="M42" s="22"/>
      <c r="N42" s="22"/>
      <c r="O42" s="22"/>
      <c r="P42" s="22"/>
    </row>
    <row r="43" spans="1:16" ht="39" customHeight="1" thickBot="1" x14ac:dyDescent="0.25">
      <c r="A43" s="22"/>
      <c r="B43" s="40"/>
      <c r="C43" s="1184" t="s">
        <v>577</v>
      </c>
      <c r="D43" s="1185"/>
      <c r="E43" s="1186"/>
      <c r="F43" s="41">
        <v>0</v>
      </c>
      <c r="G43" s="42" t="s">
        <v>525</v>
      </c>
      <c r="H43" s="42" t="s">
        <v>525</v>
      </c>
      <c r="I43" s="42" t="s">
        <v>525</v>
      </c>
      <c r="J43" s="43" t="s">
        <v>52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4r0Gz1uC7LuWbfKlFLGt5U3BrfYjlrfoiE0A8C99AsdhBeaPY8VU//++ALRSWg1skGgTiHeAHMwKNOdeG+dCVg==" saltValue="TgkbUsKJY9VB1vssUaEy4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66</v>
      </c>
      <c r="L44" s="56" t="s">
        <v>567</v>
      </c>
      <c r="M44" s="56" t="s">
        <v>568</v>
      </c>
      <c r="N44" s="56" t="s">
        <v>569</v>
      </c>
      <c r="O44" s="57" t="s">
        <v>570</v>
      </c>
      <c r="P44" s="48"/>
      <c r="Q44" s="48"/>
      <c r="R44" s="48"/>
      <c r="S44" s="48"/>
      <c r="T44" s="48"/>
      <c r="U44" s="48"/>
    </row>
    <row r="45" spans="1:21" ht="30.75" customHeight="1" x14ac:dyDescent="0.2">
      <c r="A45" s="48"/>
      <c r="B45" s="1212" t="s">
        <v>11</v>
      </c>
      <c r="C45" s="1213"/>
      <c r="D45" s="58"/>
      <c r="E45" s="1218" t="s">
        <v>12</v>
      </c>
      <c r="F45" s="1218"/>
      <c r="G45" s="1218"/>
      <c r="H45" s="1218"/>
      <c r="I45" s="1218"/>
      <c r="J45" s="1219"/>
      <c r="K45" s="59">
        <v>1139</v>
      </c>
      <c r="L45" s="60">
        <v>980</v>
      </c>
      <c r="M45" s="60">
        <v>1032</v>
      </c>
      <c r="N45" s="60">
        <v>1099</v>
      </c>
      <c r="O45" s="61">
        <v>1083</v>
      </c>
      <c r="P45" s="48"/>
      <c r="Q45" s="48"/>
      <c r="R45" s="48"/>
      <c r="S45" s="48"/>
      <c r="T45" s="48"/>
      <c r="U45" s="48"/>
    </row>
    <row r="46" spans="1:21" ht="30.75" customHeight="1" x14ac:dyDescent="0.2">
      <c r="A46" s="48"/>
      <c r="B46" s="1214"/>
      <c r="C46" s="1215"/>
      <c r="D46" s="62"/>
      <c r="E46" s="1191" t="s">
        <v>13</v>
      </c>
      <c r="F46" s="1191"/>
      <c r="G46" s="1191"/>
      <c r="H46" s="1191"/>
      <c r="I46" s="1191"/>
      <c r="J46" s="1192"/>
      <c r="K46" s="63" t="s">
        <v>525</v>
      </c>
      <c r="L46" s="64" t="s">
        <v>525</v>
      </c>
      <c r="M46" s="64" t="s">
        <v>525</v>
      </c>
      <c r="N46" s="64" t="s">
        <v>525</v>
      </c>
      <c r="O46" s="65" t="s">
        <v>525</v>
      </c>
      <c r="P46" s="48"/>
      <c r="Q46" s="48"/>
      <c r="R46" s="48"/>
      <c r="S46" s="48"/>
      <c r="T46" s="48"/>
      <c r="U46" s="48"/>
    </row>
    <row r="47" spans="1:21" ht="30.75" customHeight="1" x14ac:dyDescent="0.2">
      <c r="A47" s="48"/>
      <c r="B47" s="1214"/>
      <c r="C47" s="1215"/>
      <c r="D47" s="62"/>
      <c r="E47" s="1191" t="s">
        <v>14</v>
      </c>
      <c r="F47" s="1191"/>
      <c r="G47" s="1191"/>
      <c r="H47" s="1191"/>
      <c r="I47" s="1191"/>
      <c r="J47" s="1192"/>
      <c r="K47" s="63" t="s">
        <v>525</v>
      </c>
      <c r="L47" s="64" t="s">
        <v>525</v>
      </c>
      <c r="M47" s="64" t="s">
        <v>525</v>
      </c>
      <c r="N47" s="64" t="s">
        <v>525</v>
      </c>
      <c r="O47" s="65" t="s">
        <v>525</v>
      </c>
      <c r="P47" s="48"/>
      <c r="Q47" s="48"/>
      <c r="R47" s="48"/>
      <c r="S47" s="48"/>
      <c r="T47" s="48"/>
      <c r="U47" s="48"/>
    </row>
    <row r="48" spans="1:21" ht="30.75" customHeight="1" x14ac:dyDescent="0.2">
      <c r="A48" s="48"/>
      <c r="B48" s="1214"/>
      <c r="C48" s="1215"/>
      <c r="D48" s="62"/>
      <c r="E48" s="1191" t="s">
        <v>15</v>
      </c>
      <c r="F48" s="1191"/>
      <c r="G48" s="1191"/>
      <c r="H48" s="1191"/>
      <c r="I48" s="1191"/>
      <c r="J48" s="1192"/>
      <c r="K48" s="63">
        <v>250</v>
      </c>
      <c r="L48" s="64">
        <v>248</v>
      </c>
      <c r="M48" s="64">
        <v>202</v>
      </c>
      <c r="N48" s="64">
        <v>195</v>
      </c>
      <c r="O48" s="65">
        <v>212</v>
      </c>
      <c r="P48" s="48"/>
      <c r="Q48" s="48"/>
      <c r="R48" s="48"/>
      <c r="S48" s="48"/>
      <c r="T48" s="48"/>
      <c r="U48" s="48"/>
    </row>
    <row r="49" spans="1:21" ht="30.75" customHeight="1" x14ac:dyDescent="0.2">
      <c r="A49" s="48"/>
      <c r="B49" s="1214"/>
      <c r="C49" s="1215"/>
      <c r="D49" s="62"/>
      <c r="E49" s="1191" t="s">
        <v>16</v>
      </c>
      <c r="F49" s="1191"/>
      <c r="G49" s="1191"/>
      <c r="H49" s="1191"/>
      <c r="I49" s="1191"/>
      <c r="J49" s="1192"/>
      <c r="K49" s="63" t="s">
        <v>525</v>
      </c>
      <c r="L49" s="64" t="s">
        <v>525</v>
      </c>
      <c r="M49" s="64" t="s">
        <v>525</v>
      </c>
      <c r="N49" s="64" t="s">
        <v>525</v>
      </c>
      <c r="O49" s="65" t="s">
        <v>525</v>
      </c>
      <c r="P49" s="48"/>
      <c r="Q49" s="48"/>
      <c r="R49" s="48"/>
      <c r="S49" s="48"/>
      <c r="T49" s="48"/>
      <c r="U49" s="48"/>
    </row>
    <row r="50" spans="1:21" ht="30.75" customHeight="1" x14ac:dyDescent="0.2">
      <c r="A50" s="48"/>
      <c r="B50" s="1214"/>
      <c r="C50" s="1215"/>
      <c r="D50" s="62"/>
      <c r="E50" s="1191" t="s">
        <v>17</v>
      </c>
      <c r="F50" s="1191"/>
      <c r="G50" s="1191"/>
      <c r="H50" s="1191"/>
      <c r="I50" s="1191"/>
      <c r="J50" s="1192"/>
      <c r="K50" s="63">
        <v>99</v>
      </c>
      <c r="L50" s="64">
        <v>99</v>
      </c>
      <c r="M50" s="64">
        <v>99</v>
      </c>
      <c r="N50" s="64">
        <v>99</v>
      </c>
      <c r="O50" s="65">
        <v>125</v>
      </c>
      <c r="P50" s="48"/>
      <c r="Q50" s="48"/>
      <c r="R50" s="48"/>
      <c r="S50" s="48"/>
      <c r="T50" s="48"/>
      <c r="U50" s="48"/>
    </row>
    <row r="51" spans="1:21" ht="30.75" customHeight="1" x14ac:dyDescent="0.2">
      <c r="A51" s="48"/>
      <c r="B51" s="1216"/>
      <c r="C51" s="1217"/>
      <c r="D51" s="66"/>
      <c r="E51" s="1191" t="s">
        <v>18</v>
      </c>
      <c r="F51" s="1191"/>
      <c r="G51" s="1191"/>
      <c r="H51" s="1191"/>
      <c r="I51" s="1191"/>
      <c r="J51" s="1192"/>
      <c r="K51" s="63" t="s">
        <v>525</v>
      </c>
      <c r="L51" s="64" t="s">
        <v>525</v>
      </c>
      <c r="M51" s="64" t="s">
        <v>525</v>
      </c>
      <c r="N51" s="64" t="s">
        <v>525</v>
      </c>
      <c r="O51" s="65" t="s">
        <v>525</v>
      </c>
      <c r="P51" s="48"/>
      <c r="Q51" s="48"/>
      <c r="R51" s="48"/>
      <c r="S51" s="48"/>
      <c r="T51" s="48"/>
      <c r="U51" s="48"/>
    </row>
    <row r="52" spans="1:21" ht="30.75" customHeight="1" x14ac:dyDescent="0.2">
      <c r="A52" s="48"/>
      <c r="B52" s="1189" t="s">
        <v>19</v>
      </c>
      <c r="C52" s="1190"/>
      <c r="D52" s="66"/>
      <c r="E52" s="1191" t="s">
        <v>20</v>
      </c>
      <c r="F52" s="1191"/>
      <c r="G52" s="1191"/>
      <c r="H52" s="1191"/>
      <c r="I52" s="1191"/>
      <c r="J52" s="1192"/>
      <c r="K52" s="63">
        <v>1193</v>
      </c>
      <c r="L52" s="64">
        <v>1034</v>
      </c>
      <c r="M52" s="64">
        <v>1127</v>
      </c>
      <c r="N52" s="64">
        <v>1073</v>
      </c>
      <c r="O52" s="65">
        <v>1020</v>
      </c>
      <c r="P52" s="48"/>
      <c r="Q52" s="48"/>
      <c r="R52" s="48"/>
      <c r="S52" s="48"/>
      <c r="T52" s="48"/>
      <c r="U52" s="48"/>
    </row>
    <row r="53" spans="1:21" ht="30.75" customHeight="1" thickBot="1" x14ac:dyDescent="0.25">
      <c r="A53" s="48"/>
      <c r="B53" s="1193" t="s">
        <v>21</v>
      </c>
      <c r="C53" s="1194"/>
      <c r="D53" s="67"/>
      <c r="E53" s="1195" t="s">
        <v>22</v>
      </c>
      <c r="F53" s="1195"/>
      <c r="G53" s="1195"/>
      <c r="H53" s="1195"/>
      <c r="I53" s="1195"/>
      <c r="J53" s="1196"/>
      <c r="K53" s="68">
        <v>295</v>
      </c>
      <c r="L53" s="69">
        <v>293</v>
      </c>
      <c r="M53" s="69">
        <v>206</v>
      </c>
      <c r="N53" s="69">
        <v>320</v>
      </c>
      <c r="O53" s="70">
        <v>400</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78</v>
      </c>
      <c r="P56" s="48"/>
      <c r="Q56" s="48"/>
      <c r="R56" s="48"/>
      <c r="S56" s="48"/>
      <c r="T56" s="48"/>
      <c r="U56" s="48"/>
    </row>
    <row r="57" spans="1:21" ht="31.5" customHeight="1" thickBot="1" x14ac:dyDescent="0.3">
      <c r="A57" s="48"/>
      <c r="B57" s="76"/>
      <c r="C57" s="77"/>
      <c r="D57" s="77"/>
      <c r="E57" s="78"/>
      <c r="F57" s="78"/>
      <c r="G57" s="78"/>
      <c r="H57" s="78"/>
      <c r="I57" s="78"/>
      <c r="J57" s="79" t="s">
        <v>2</v>
      </c>
      <c r="K57" s="80" t="s">
        <v>579</v>
      </c>
      <c r="L57" s="81" t="s">
        <v>580</v>
      </c>
      <c r="M57" s="81" t="s">
        <v>581</v>
      </c>
      <c r="N57" s="81" t="s">
        <v>582</v>
      </c>
      <c r="O57" s="82" t="s">
        <v>583</v>
      </c>
      <c r="P57" s="48"/>
      <c r="Q57" s="48"/>
      <c r="R57" s="48"/>
      <c r="S57" s="48"/>
      <c r="T57" s="48"/>
      <c r="U57" s="48"/>
    </row>
    <row r="58" spans="1:21" ht="31.5" customHeight="1" x14ac:dyDescent="0.2">
      <c r="B58" s="1197" t="s">
        <v>26</v>
      </c>
      <c r="C58" s="1198"/>
      <c r="D58" s="1203" t="s">
        <v>27</v>
      </c>
      <c r="E58" s="1204"/>
      <c r="F58" s="1204"/>
      <c r="G58" s="1204"/>
      <c r="H58" s="1204"/>
      <c r="I58" s="1204"/>
      <c r="J58" s="1205"/>
      <c r="K58" s="83"/>
      <c r="L58" s="84"/>
      <c r="M58" s="84"/>
      <c r="N58" s="84"/>
      <c r="O58" s="85"/>
    </row>
    <row r="59" spans="1:21" ht="31.5" customHeight="1" x14ac:dyDescent="0.2">
      <c r="B59" s="1199"/>
      <c r="C59" s="1200"/>
      <c r="D59" s="1206" t="s">
        <v>28</v>
      </c>
      <c r="E59" s="1207"/>
      <c r="F59" s="1207"/>
      <c r="G59" s="1207"/>
      <c r="H59" s="1207"/>
      <c r="I59" s="1207"/>
      <c r="J59" s="1208"/>
      <c r="K59" s="86"/>
      <c r="L59" s="87"/>
      <c r="M59" s="87"/>
      <c r="N59" s="87"/>
      <c r="O59" s="88"/>
    </row>
    <row r="60" spans="1:21" ht="31.5" customHeight="1" thickBot="1" x14ac:dyDescent="0.25">
      <c r="B60" s="1201"/>
      <c r="C60" s="1202"/>
      <c r="D60" s="1209" t="s">
        <v>29</v>
      </c>
      <c r="E60" s="1210"/>
      <c r="F60" s="1210"/>
      <c r="G60" s="1210"/>
      <c r="H60" s="1210"/>
      <c r="I60" s="1210"/>
      <c r="J60" s="1211"/>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gLm3hK2wRIY8bFlysKGByUejpdf2GrUiSJRklH1UTCPVlvaVR8+tNE+SUkyuZjuqO3W0HwPpyzZ+YZNmW0gQmA==" saltValue="I2xko5iYA/GRCXAP60F9h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66</v>
      </c>
      <c r="J40" s="103" t="s">
        <v>567</v>
      </c>
      <c r="K40" s="103" t="s">
        <v>568</v>
      </c>
      <c r="L40" s="103" t="s">
        <v>569</v>
      </c>
      <c r="M40" s="104" t="s">
        <v>570</v>
      </c>
    </row>
    <row r="41" spans="2:13" ht="27.75" customHeight="1" x14ac:dyDescent="0.2">
      <c r="B41" s="1232" t="s">
        <v>32</v>
      </c>
      <c r="C41" s="1233"/>
      <c r="D41" s="105"/>
      <c r="E41" s="1234" t="s">
        <v>33</v>
      </c>
      <c r="F41" s="1234"/>
      <c r="G41" s="1234"/>
      <c r="H41" s="1235"/>
      <c r="I41" s="355">
        <v>7901</v>
      </c>
      <c r="J41" s="356">
        <v>7490</v>
      </c>
      <c r="K41" s="356">
        <v>7523</v>
      </c>
      <c r="L41" s="356">
        <v>6989</v>
      </c>
      <c r="M41" s="357">
        <v>6859</v>
      </c>
    </row>
    <row r="42" spans="2:13" ht="27.75" customHeight="1" x14ac:dyDescent="0.2">
      <c r="B42" s="1222"/>
      <c r="C42" s="1223"/>
      <c r="D42" s="106"/>
      <c r="E42" s="1226" t="s">
        <v>34</v>
      </c>
      <c r="F42" s="1226"/>
      <c r="G42" s="1226"/>
      <c r="H42" s="1227"/>
      <c r="I42" s="358">
        <v>717</v>
      </c>
      <c r="J42" s="359">
        <v>1157</v>
      </c>
      <c r="K42" s="359">
        <v>1013</v>
      </c>
      <c r="L42" s="359">
        <v>919</v>
      </c>
      <c r="M42" s="360">
        <v>1010</v>
      </c>
    </row>
    <row r="43" spans="2:13" ht="27.75" customHeight="1" x14ac:dyDescent="0.2">
      <c r="B43" s="1222"/>
      <c r="C43" s="1223"/>
      <c r="D43" s="106"/>
      <c r="E43" s="1226" t="s">
        <v>35</v>
      </c>
      <c r="F43" s="1226"/>
      <c r="G43" s="1226"/>
      <c r="H43" s="1227"/>
      <c r="I43" s="358">
        <v>2779</v>
      </c>
      <c r="J43" s="359">
        <v>2686</v>
      </c>
      <c r="K43" s="359">
        <v>2559</v>
      </c>
      <c r="L43" s="359">
        <v>2489</v>
      </c>
      <c r="M43" s="360">
        <v>2701</v>
      </c>
    </row>
    <row r="44" spans="2:13" ht="27.75" customHeight="1" x14ac:dyDescent="0.2">
      <c r="B44" s="1222"/>
      <c r="C44" s="1223"/>
      <c r="D44" s="106"/>
      <c r="E44" s="1226" t="s">
        <v>36</v>
      </c>
      <c r="F44" s="1226"/>
      <c r="G44" s="1226"/>
      <c r="H44" s="1227"/>
      <c r="I44" s="358" t="s">
        <v>525</v>
      </c>
      <c r="J44" s="359" t="s">
        <v>525</v>
      </c>
      <c r="K44" s="359" t="s">
        <v>525</v>
      </c>
      <c r="L44" s="359" t="s">
        <v>525</v>
      </c>
      <c r="M44" s="360" t="s">
        <v>525</v>
      </c>
    </row>
    <row r="45" spans="2:13" ht="27.75" customHeight="1" x14ac:dyDescent="0.2">
      <c r="B45" s="1222"/>
      <c r="C45" s="1223"/>
      <c r="D45" s="106"/>
      <c r="E45" s="1226" t="s">
        <v>37</v>
      </c>
      <c r="F45" s="1226"/>
      <c r="G45" s="1226"/>
      <c r="H45" s="1227"/>
      <c r="I45" s="358">
        <v>1171</v>
      </c>
      <c r="J45" s="359">
        <v>1223</v>
      </c>
      <c r="K45" s="359">
        <v>1103</v>
      </c>
      <c r="L45" s="359">
        <v>720</v>
      </c>
      <c r="M45" s="360">
        <v>758</v>
      </c>
    </row>
    <row r="46" spans="2:13" ht="27.75" customHeight="1" x14ac:dyDescent="0.2">
      <c r="B46" s="1222"/>
      <c r="C46" s="1223"/>
      <c r="D46" s="107"/>
      <c r="E46" s="1226" t="s">
        <v>38</v>
      </c>
      <c r="F46" s="1226"/>
      <c r="G46" s="1226"/>
      <c r="H46" s="1227"/>
      <c r="I46" s="358" t="s">
        <v>525</v>
      </c>
      <c r="J46" s="359" t="s">
        <v>525</v>
      </c>
      <c r="K46" s="359" t="s">
        <v>525</v>
      </c>
      <c r="L46" s="359" t="s">
        <v>525</v>
      </c>
      <c r="M46" s="360" t="s">
        <v>525</v>
      </c>
    </row>
    <row r="47" spans="2:13" ht="27.75" customHeight="1" x14ac:dyDescent="0.2">
      <c r="B47" s="1222"/>
      <c r="C47" s="1223"/>
      <c r="D47" s="108"/>
      <c r="E47" s="1236" t="s">
        <v>39</v>
      </c>
      <c r="F47" s="1237"/>
      <c r="G47" s="1237"/>
      <c r="H47" s="1238"/>
      <c r="I47" s="358" t="s">
        <v>525</v>
      </c>
      <c r="J47" s="359" t="s">
        <v>525</v>
      </c>
      <c r="K47" s="359" t="s">
        <v>525</v>
      </c>
      <c r="L47" s="359" t="s">
        <v>525</v>
      </c>
      <c r="M47" s="360" t="s">
        <v>525</v>
      </c>
    </row>
    <row r="48" spans="2:13" ht="27.75" customHeight="1" x14ac:dyDescent="0.2">
      <c r="B48" s="1222"/>
      <c r="C48" s="1223"/>
      <c r="D48" s="106"/>
      <c r="E48" s="1226" t="s">
        <v>40</v>
      </c>
      <c r="F48" s="1226"/>
      <c r="G48" s="1226"/>
      <c r="H48" s="1227"/>
      <c r="I48" s="358" t="s">
        <v>525</v>
      </c>
      <c r="J48" s="359" t="s">
        <v>525</v>
      </c>
      <c r="K48" s="359" t="s">
        <v>525</v>
      </c>
      <c r="L48" s="359" t="s">
        <v>525</v>
      </c>
      <c r="M48" s="360" t="s">
        <v>525</v>
      </c>
    </row>
    <row r="49" spans="2:13" ht="27.75" customHeight="1" x14ac:dyDescent="0.2">
      <c r="B49" s="1224"/>
      <c r="C49" s="1225"/>
      <c r="D49" s="106"/>
      <c r="E49" s="1226" t="s">
        <v>41</v>
      </c>
      <c r="F49" s="1226"/>
      <c r="G49" s="1226"/>
      <c r="H49" s="1227"/>
      <c r="I49" s="358" t="s">
        <v>525</v>
      </c>
      <c r="J49" s="359" t="s">
        <v>525</v>
      </c>
      <c r="K49" s="359" t="s">
        <v>525</v>
      </c>
      <c r="L49" s="359" t="s">
        <v>525</v>
      </c>
      <c r="M49" s="360" t="s">
        <v>525</v>
      </c>
    </row>
    <row r="50" spans="2:13" ht="27.75" customHeight="1" x14ac:dyDescent="0.2">
      <c r="B50" s="1220" t="s">
        <v>42</v>
      </c>
      <c r="C50" s="1221"/>
      <c r="D50" s="109"/>
      <c r="E50" s="1226" t="s">
        <v>43</v>
      </c>
      <c r="F50" s="1226"/>
      <c r="G50" s="1226"/>
      <c r="H50" s="1227"/>
      <c r="I50" s="358">
        <v>4612</v>
      </c>
      <c r="J50" s="359">
        <v>4970</v>
      </c>
      <c r="K50" s="359">
        <v>4963</v>
      </c>
      <c r="L50" s="359">
        <v>5017</v>
      </c>
      <c r="M50" s="360">
        <v>5675</v>
      </c>
    </row>
    <row r="51" spans="2:13" ht="27.75" customHeight="1" x14ac:dyDescent="0.2">
      <c r="B51" s="1222"/>
      <c r="C51" s="1223"/>
      <c r="D51" s="106"/>
      <c r="E51" s="1226" t="s">
        <v>44</v>
      </c>
      <c r="F51" s="1226"/>
      <c r="G51" s="1226"/>
      <c r="H51" s="1227"/>
      <c r="I51" s="358">
        <v>2294</v>
      </c>
      <c r="J51" s="359">
        <v>2325</v>
      </c>
      <c r="K51" s="359">
        <v>2257</v>
      </c>
      <c r="L51" s="359">
        <v>2122</v>
      </c>
      <c r="M51" s="360">
        <v>2407</v>
      </c>
    </row>
    <row r="52" spans="2:13" ht="27.75" customHeight="1" x14ac:dyDescent="0.2">
      <c r="B52" s="1224"/>
      <c r="C52" s="1225"/>
      <c r="D52" s="106"/>
      <c r="E52" s="1226" t="s">
        <v>45</v>
      </c>
      <c r="F52" s="1226"/>
      <c r="G52" s="1226"/>
      <c r="H52" s="1227"/>
      <c r="I52" s="358">
        <v>6777</v>
      </c>
      <c r="J52" s="359">
        <v>6223</v>
      </c>
      <c r="K52" s="359">
        <v>5643</v>
      </c>
      <c r="L52" s="359">
        <v>5280</v>
      </c>
      <c r="M52" s="360">
        <v>4900</v>
      </c>
    </row>
    <row r="53" spans="2:13" ht="27.75" customHeight="1" thickBot="1" x14ac:dyDescent="0.25">
      <c r="B53" s="1228" t="s">
        <v>46</v>
      </c>
      <c r="C53" s="1229"/>
      <c r="D53" s="110"/>
      <c r="E53" s="1230" t="s">
        <v>47</v>
      </c>
      <c r="F53" s="1230"/>
      <c r="G53" s="1230"/>
      <c r="H53" s="1231"/>
      <c r="I53" s="361">
        <v>-1114</v>
      </c>
      <c r="J53" s="362">
        <v>-962</v>
      </c>
      <c r="K53" s="362">
        <v>-665</v>
      </c>
      <c r="L53" s="362">
        <v>-1303</v>
      </c>
      <c r="M53" s="363">
        <v>-1655</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n51aJ2FTvU8l0WGQ8WJPt9PKQEbKkQ2lfFHrqkCzwtIB61z3lKJ3aSmuifrmV6NBZq1upujywL+g8a+nqjWorQ==" saltValue="06cbl20g6O78xFNayi6Wj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1796875" style="1" customWidth="1"/>
    <col min="2" max="2" width="16.36328125" style="1" customWidth="1"/>
    <col min="3" max="5" width="26.1796875" style="1" customWidth="1"/>
    <col min="6" max="8" width="24.179687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68</v>
      </c>
      <c r="G54" s="119" t="s">
        <v>569</v>
      </c>
      <c r="H54" s="120" t="s">
        <v>570</v>
      </c>
    </row>
    <row r="55" spans="2:8" ht="52.5" customHeight="1" x14ac:dyDescent="0.2">
      <c r="B55" s="121"/>
      <c r="C55" s="1247" t="s">
        <v>50</v>
      </c>
      <c r="D55" s="1247"/>
      <c r="E55" s="1248"/>
      <c r="F55" s="122">
        <v>2416</v>
      </c>
      <c r="G55" s="122">
        <v>2541</v>
      </c>
      <c r="H55" s="123">
        <v>3189</v>
      </c>
    </row>
    <row r="56" spans="2:8" ht="52.5" customHeight="1" x14ac:dyDescent="0.2">
      <c r="B56" s="124"/>
      <c r="C56" s="1249" t="s">
        <v>51</v>
      </c>
      <c r="D56" s="1249"/>
      <c r="E56" s="1250"/>
      <c r="F56" s="125">
        <v>47</v>
      </c>
      <c r="G56" s="125">
        <v>46</v>
      </c>
      <c r="H56" s="126">
        <v>46</v>
      </c>
    </row>
    <row r="57" spans="2:8" ht="53.25" customHeight="1" x14ac:dyDescent="0.2">
      <c r="B57" s="124"/>
      <c r="C57" s="1251" t="s">
        <v>52</v>
      </c>
      <c r="D57" s="1251"/>
      <c r="E57" s="1252"/>
      <c r="F57" s="127">
        <v>1314</v>
      </c>
      <c r="G57" s="127">
        <v>1322</v>
      </c>
      <c r="H57" s="128">
        <v>1374</v>
      </c>
    </row>
    <row r="58" spans="2:8" ht="45.75" customHeight="1" x14ac:dyDescent="0.2">
      <c r="B58" s="129"/>
      <c r="C58" s="1239" t="s">
        <v>589</v>
      </c>
      <c r="D58" s="1240"/>
      <c r="E58" s="1241"/>
      <c r="F58" s="130">
        <v>670</v>
      </c>
      <c r="G58" s="130">
        <v>670</v>
      </c>
      <c r="H58" s="131">
        <v>720</v>
      </c>
    </row>
    <row r="59" spans="2:8" ht="45.75" customHeight="1" x14ac:dyDescent="0.2">
      <c r="B59" s="129"/>
      <c r="C59" s="1239" t="s">
        <v>590</v>
      </c>
      <c r="D59" s="1240"/>
      <c r="E59" s="1241"/>
      <c r="F59" s="130">
        <v>577</v>
      </c>
      <c r="G59" s="130">
        <v>586</v>
      </c>
      <c r="H59" s="131">
        <v>585</v>
      </c>
    </row>
    <row r="60" spans="2:8" ht="45.75" customHeight="1" x14ac:dyDescent="0.2">
      <c r="B60" s="129"/>
      <c r="C60" s="1239" t="s">
        <v>591</v>
      </c>
      <c r="D60" s="1240"/>
      <c r="E60" s="1241"/>
      <c r="F60" s="130">
        <v>25</v>
      </c>
      <c r="G60" s="130">
        <v>24</v>
      </c>
      <c r="H60" s="131">
        <v>26</v>
      </c>
    </row>
    <row r="61" spans="2:8" ht="45.75" customHeight="1" x14ac:dyDescent="0.2">
      <c r="B61" s="129"/>
      <c r="C61" s="1239" t="s">
        <v>592</v>
      </c>
      <c r="D61" s="1240"/>
      <c r="E61" s="1241"/>
      <c r="F61" s="130">
        <v>18</v>
      </c>
      <c r="G61" s="130">
        <v>18</v>
      </c>
      <c r="H61" s="131">
        <v>18</v>
      </c>
    </row>
    <row r="62" spans="2:8" ht="45.75" customHeight="1" thickBot="1" x14ac:dyDescent="0.25">
      <c r="B62" s="132"/>
      <c r="C62" s="1242" t="s">
        <v>593</v>
      </c>
      <c r="D62" s="1243"/>
      <c r="E62" s="1244"/>
      <c r="F62" s="133">
        <v>8</v>
      </c>
      <c r="G62" s="133">
        <v>8</v>
      </c>
      <c r="H62" s="134">
        <v>8</v>
      </c>
    </row>
    <row r="63" spans="2:8" ht="52.5" customHeight="1" thickBot="1" x14ac:dyDescent="0.25">
      <c r="B63" s="135"/>
      <c r="C63" s="1245" t="s">
        <v>53</v>
      </c>
      <c r="D63" s="1245"/>
      <c r="E63" s="1246"/>
      <c r="F63" s="136">
        <v>3777</v>
      </c>
      <c r="G63" s="136">
        <v>3909</v>
      </c>
      <c r="H63" s="137">
        <v>4609</v>
      </c>
    </row>
    <row r="64" spans="2:8" ht="13" x14ac:dyDescent="0.2"/>
  </sheetData>
  <sheetProtection algorithmName="SHA-512" hashValue="Oi9KXL1E7CjhpVI5bDv1yX1lA1tbeEBK4Vr6JTpGbXkHiwul6NwPf7BRBht3TnL4uwpnx+/ADXY9xAzzqD14hg==" saltValue="IxTp2W/oKWodg69tzfa+O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view="pageLayout" zoomScaleNormal="100" zoomScaleSheetLayoutView="100"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94</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95</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61" t="s">
        <v>603</v>
      </c>
      <c r="AO43" s="1262"/>
      <c r="AP43" s="1262"/>
      <c r="AQ43" s="1262"/>
      <c r="AR43" s="1262"/>
      <c r="AS43" s="1262"/>
      <c r="AT43" s="1262"/>
      <c r="AU43" s="1262"/>
      <c r="AV43" s="1262"/>
      <c r="AW43" s="1262"/>
      <c r="AX43" s="1262"/>
      <c r="AY43" s="1262"/>
      <c r="AZ43" s="1262"/>
      <c r="BA43" s="1262"/>
      <c r="BB43" s="1262"/>
      <c r="BC43" s="1262"/>
      <c r="BD43" s="1262"/>
      <c r="BE43" s="1262"/>
      <c r="BF43" s="1262"/>
      <c r="BG43" s="1262"/>
      <c r="BH43" s="1262"/>
      <c r="BI43" s="1262"/>
      <c r="BJ43" s="1262"/>
      <c r="BK43" s="1262"/>
      <c r="BL43" s="1262"/>
      <c r="BM43" s="1262"/>
      <c r="BN43" s="1262"/>
      <c r="BO43" s="1262"/>
      <c r="BP43" s="1262"/>
      <c r="BQ43" s="1262"/>
      <c r="BR43" s="1262"/>
      <c r="BS43" s="1262"/>
      <c r="BT43" s="1262"/>
      <c r="BU43" s="1262"/>
      <c r="BV43" s="1262"/>
      <c r="BW43" s="1262"/>
      <c r="BX43" s="1262"/>
      <c r="BY43" s="1262"/>
      <c r="BZ43" s="1262"/>
      <c r="CA43" s="1262"/>
      <c r="CB43" s="1262"/>
      <c r="CC43" s="1262"/>
      <c r="CD43" s="1262"/>
      <c r="CE43" s="1262"/>
      <c r="CF43" s="1262"/>
      <c r="CG43" s="1262"/>
      <c r="CH43" s="1262"/>
      <c r="CI43" s="1262"/>
      <c r="CJ43" s="1262"/>
      <c r="CK43" s="1262"/>
      <c r="CL43" s="1262"/>
      <c r="CM43" s="1262"/>
      <c r="CN43" s="1262"/>
      <c r="CO43" s="1262"/>
      <c r="CP43" s="1262"/>
      <c r="CQ43" s="1262"/>
      <c r="CR43" s="1262"/>
      <c r="CS43" s="1262"/>
      <c r="CT43" s="1262"/>
      <c r="CU43" s="1262"/>
      <c r="CV43" s="1262"/>
      <c r="CW43" s="1262"/>
      <c r="CX43" s="1262"/>
      <c r="CY43" s="1262"/>
      <c r="CZ43" s="1262"/>
      <c r="DA43" s="1262"/>
      <c r="DB43" s="1262"/>
      <c r="DC43" s="1263"/>
    </row>
    <row r="44" spans="2:109" ht="13" x14ac:dyDescent="0.2">
      <c r="B44" s="372"/>
      <c r="AN44" s="1264"/>
      <c r="AO44" s="1265"/>
      <c r="AP44" s="1265"/>
      <c r="AQ44" s="1265"/>
      <c r="AR44" s="1265"/>
      <c r="AS44" s="1265"/>
      <c r="AT44" s="1265"/>
      <c r="AU44" s="1265"/>
      <c r="AV44" s="1265"/>
      <c r="AW44" s="1265"/>
      <c r="AX44" s="1265"/>
      <c r="AY44" s="1265"/>
      <c r="AZ44" s="1265"/>
      <c r="BA44" s="1265"/>
      <c r="BB44" s="1265"/>
      <c r="BC44" s="1265"/>
      <c r="BD44" s="1265"/>
      <c r="BE44" s="1265"/>
      <c r="BF44" s="1265"/>
      <c r="BG44" s="1265"/>
      <c r="BH44" s="1265"/>
      <c r="BI44" s="1265"/>
      <c r="BJ44" s="1265"/>
      <c r="BK44" s="1265"/>
      <c r="BL44" s="1265"/>
      <c r="BM44" s="1265"/>
      <c r="BN44" s="1265"/>
      <c r="BO44" s="1265"/>
      <c r="BP44" s="1265"/>
      <c r="BQ44" s="1265"/>
      <c r="BR44" s="1265"/>
      <c r="BS44" s="1265"/>
      <c r="BT44" s="1265"/>
      <c r="BU44" s="1265"/>
      <c r="BV44" s="1265"/>
      <c r="BW44" s="1265"/>
      <c r="BX44" s="1265"/>
      <c r="BY44" s="1265"/>
      <c r="BZ44" s="1265"/>
      <c r="CA44" s="1265"/>
      <c r="CB44" s="1265"/>
      <c r="CC44" s="1265"/>
      <c r="CD44" s="1265"/>
      <c r="CE44" s="1265"/>
      <c r="CF44" s="1265"/>
      <c r="CG44" s="1265"/>
      <c r="CH44" s="1265"/>
      <c r="CI44" s="1265"/>
      <c r="CJ44" s="1265"/>
      <c r="CK44" s="1265"/>
      <c r="CL44" s="1265"/>
      <c r="CM44" s="1265"/>
      <c r="CN44" s="1265"/>
      <c r="CO44" s="1265"/>
      <c r="CP44" s="1265"/>
      <c r="CQ44" s="1265"/>
      <c r="CR44" s="1265"/>
      <c r="CS44" s="1265"/>
      <c r="CT44" s="1265"/>
      <c r="CU44" s="1265"/>
      <c r="CV44" s="1265"/>
      <c r="CW44" s="1265"/>
      <c r="CX44" s="1265"/>
      <c r="CY44" s="1265"/>
      <c r="CZ44" s="1265"/>
      <c r="DA44" s="1265"/>
      <c r="DB44" s="1265"/>
      <c r="DC44" s="1266"/>
    </row>
    <row r="45" spans="2:109" ht="13" x14ac:dyDescent="0.2">
      <c r="B45" s="372"/>
      <c r="AN45" s="1264"/>
      <c r="AO45" s="1265"/>
      <c r="AP45" s="1265"/>
      <c r="AQ45" s="1265"/>
      <c r="AR45" s="1265"/>
      <c r="AS45" s="1265"/>
      <c r="AT45" s="1265"/>
      <c r="AU45" s="1265"/>
      <c r="AV45" s="1265"/>
      <c r="AW45" s="1265"/>
      <c r="AX45" s="1265"/>
      <c r="AY45" s="1265"/>
      <c r="AZ45" s="1265"/>
      <c r="BA45" s="1265"/>
      <c r="BB45" s="1265"/>
      <c r="BC45" s="1265"/>
      <c r="BD45" s="1265"/>
      <c r="BE45" s="1265"/>
      <c r="BF45" s="1265"/>
      <c r="BG45" s="1265"/>
      <c r="BH45" s="1265"/>
      <c r="BI45" s="1265"/>
      <c r="BJ45" s="1265"/>
      <c r="BK45" s="1265"/>
      <c r="BL45" s="1265"/>
      <c r="BM45" s="1265"/>
      <c r="BN45" s="1265"/>
      <c r="BO45" s="1265"/>
      <c r="BP45" s="1265"/>
      <c r="BQ45" s="1265"/>
      <c r="BR45" s="1265"/>
      <c r="BS45" s="1265"/>
      <c r="BT45" s="1265"/>
      <c r="BU45" s="1265"/>
      <c r="BV45" s="1265"/>
      <c r="BW45" s="1265"/>
      <c r="BX45" s="1265"/>
      <c r="BY45" s="1265"/>
      <c r="BZ45" s="1265"/>
      <c r="CA45" s="1265"/>
      <c r="CB45" s="1265"/>
      <c r="CC45" s="1265"/>
      <c r="CD45" s="1265"/>
      <c r="CE45" s="1265"/>
      <c r="CF45" s="1265"/>
      <c r="CG45" s="1265"/>
      <c r="CH45" s="1265"/>
      <c r="CI45" s="1265"/>
      <c r="CJ45" s="1265"/>
      <c r="CK45" s="1265"/>
      <c r="CL45" s="1265"/>
      <c r="CM45" s="1265"/>
      <c r="CN45" s="1265"/>
      <c r="CO45" s="1265"/>
      <c r="CP45" s="1265"/>
      <c r="CQ45" s="1265"/>
      <c r="CR45" s="1265"/>
      <c r="CS45" s="1265"/>
      <c r="CT45" s="1265"/>
      <c r="CU45" s="1265"/>
      <c r="CV45" s="1265"/>
      <c r="CW45" s="1265"/>
      <c r="CX45" s="1265"/>
      <c r="CY45" s="1265"/>
      <c r="CZ45" s="1265"/>
      <c r="DA45" s="1265"/>
      <c r="DB45" s="1265"/>
      <c r="DC45" s="1266"/>
    </row>
    <row r="46" spans="2:109" ht="13" x14ac:dyDescent="0.2">
      <c r="B46" s="372"/>
      <c r="AN46" s="1264"/>
      <c r="AO46" s="1265"/>
      <c r="AP46" s="1265"/>
      <c r="AQ46" s="1265"/>
      <c r="AR46" s="1265"/>
      <c r="AS46" s="1265"/>
      <c r="AT46" s="1265"/>
      <c r="AU46" s="1265"/>
      <c r="AV46" s="1265"/>
      <c r="AW46" s="1265"/>
      <c r="AX46" s="1265"/>
      <c r="AY46" s="1265"/>
      <c r="AZ46" s="1265"/>
      <c r="BA46" s="1265"/>
      <c r="BB46" s="1265"/>
      <c r="BC46" s="1265"/>
      <c r="BD46" s="1265"/>
      <c r="BE46" s="1265"/>
      <c r="BF46" s="1265"/>
      <c r="BG46" s="1265"/>
      <c r="BH46" s="1265"/>
      <c r="BI46" s="1265"/>
      <c r="BJ46" s="1265"/>
      <c r="BK46" s="1265"/>
      <c r="BL46" s="1265"/>
      <c r="BM46" s="1265"/>
      <c r="BN46" s="1265"/>
      <c r="BO46" s="1265"/>
      <c r="BP46" s="1265"/>
      <c r="BQ46" s="1265"/>
      <c r="BR46" s="1265"/>
      <c r="BS46" s="1265"/>
      <c r="BT46" s="1265"/>
      <c r="BU46" s="1265"/>
      <c r="BV46" s="1265"/>
      <c r="BW46" s="1265"/>
      <c r="BX46" s="1265"/>
      <c r="BY46" s="1265"/>
      <c r="BZ46" s="1265"/>
      <c r="CA46" s="1265"/>
      <c r="CB46" s="1265"/>
      <c r="CC46" s="1265"/>
      <c r="CD46" s="1265"/>
      <c r="CE46" s="1265"/>
      <c r="CF46" s="1265"/>
      <c r="CG46" s="1265"/>
      <c r="CH46" s="1265"/>
      <c r="CI46" s="1265"/>
      <c r="CJ46" s="1265"/>
      <c r="CK46" s="1265"/>
      <c r="CL46" s="1265"/>
      <c r="CM46" s="1265"/>
      <c r="CN46" s="1265"/>
      <c r="CO46" s="1265"/>
      <c r="CP46" s="1265"/>
      <c r="CQ46" s="1265"/>
      <c r="CR46" s="1265"/>
      <c r="CS46" s="1265"/>
      <c r="CT46" s="1265"/>
      <c r="CU46" s="1265"/>
      <c r="CV46" s="1265"/>
      <c r="CW46" s="1265"/>
      <c r="CX46" s="1265"/>
      <c r="CY46" s="1265"/>
      <c r="CZ46" s="1265"/>
      <c r="DA46" s="1265"/>
      <c r="DB46" s="1265"/>
      <c r="DC46" s="1266"/>
    </row>
    <row r="47" spans="2:109" ht="13" x14ac:dyDescent="0.2">
      <c r="B47" s="372"/>
      <c r="AN47" s="1267"/>
      <c r="AO47" s="1268"/>
      <c r="AP47" s="1268"/>
      <c r="AQ47" s="1268"/>
      <c r="AR47" s="1268"/>
      <c r="AS47" s="1268"/>
      <c r="AT47" s="1268"/>
      <c r="AU47" s="1268"/>
      <c r="AV47" s="1268"/>
      <c r="AW47" s="1268"/>
      <c r="AX47" s="1268"/>
      <c r="AY47" s="1268"/>
      <c r="AZ47" s="1268"/>
      <c r="BA47" s="1268"/>
      <c r="BB47" s="1268"/>
      <c r="BC47" s="1268"/>
      <c r="BD47" s="1268"/>
      <c r="BE47" s="1268"/>
      <c r="BF47" s="1268"/>
      <c r="BG47" s="1268"/>
      <c r="BH47" s="1268"/>
      <c r="BI47" s="1268"/>
      <c r="BJ47" s="1268"/>
      <c r="BK47" s="1268"/>
      <c r="BL47" s="1268"/>
      <c r="BM47" s="1268"/>
      <c r="BN47" s="1268"/>
      <c r="BO47" s="1268"/>
      <c r="BP47" s="1268"/>
      <c r="BQ47" s="1268"/>
      <c r="BR47" s="1268"/>
      <c r="BS47" s="1268"/>
      <c r="BT47" s="1268"/>
      <c r="BU47" s="1268"/>
      <c r="BV47" s="1268"/>
      <c r="BW47" s="1268"/>
      <c r="BX47" s="1268"/>
      <c r="BY47" s="1268"/>
      <c r="BZ47" s="1268"/>
      <c r="CA47" s="1268"/>
      <c r="CB47" s="1268"/>
      <c r="CC47" s="1268"/>
      <c r="CD47" s="1268"/>
      <c r="CE47" s="1268"/>
      <c r="CF47" s="1268"/>
      <c r="CG47" s="1268"/>
      <c r="CH47" s="1268"/>
      <c r="CI47" s="1268"/>
      <c r="CJ47" s="1268"/>
      <c r="CK47" s="1268"/>
      <c r="CL47" s="1268"/>
      <c r="CM47" s="1268"/>
      <c r="CN47" s="1268"/>
      <c r="CO47" s="1268"/>
      <c r="CP47" s="1268"/>
      <c r="CQ47" s="1268"/>
      <c r="CR47" s="1268"/>
      <c r="CS47" s="1268"/>
      <c r="CT47" s="1268"/>
      <c r="CU47" s="1268"/>
      <c r="CV47" s="1268"/>
      <c r="CW47" s="1268"/>
      <c r="CX47" s="1268"/>
      <c r="CY47" s="1268"/>
      <c r="CZ47" s="1268"/>
      <c r="DA47" s="1268"/>
      <c r="DB47" s="1268"/>
      <c r="DC47" s="1269"/>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96</v>
      </c>
    </row>
    <row r="50" spans="1:109" ht="13" x14ac:dyDescent="0.2">
      <c r="B50" s="372"/>
      <c r="G50" s="1253"/>
      <c r="H50" s="1253"/>
      <c r="I50" s="1253"/>
      <c r="J50" s="1253"/>
      <c r="K50" s="382"/>
      <c r="L50" s="382"/>
      <c r="M50" s="383"/>
      <c r="N50" s="383"/>
      <c r="AN50" s="1271"/>
      <c r="AO50" s="1272"/>
      <c r="AP50" s="1272"/>
      <c r="AQ50" s="1272"/>
      <c r="AR50" s="1272"/>
      <c r="AS50" s="1272"/>
      <c r="AT50" s="1272"/>
      <c r="AU50" s="1272"/>
      <c r="AV50" s="1272"/>
      <c r="AW50" s="1272"/>
      <c r="AX50" s="1272"/>
      <c r="AY50" s="1272"/>
      <c r="AZ50" s="1272"/>
      <c r="BA50" s="1272"/>
      <c r="BB50" s="1272"/>
      <c r="BC50" s="1272"/>
      <c r="BD50" s="1272"/>
      <c r="BE50" s="1272"/>
      <c r="BF50" s="1272"/>
      <c r="BG50" s="1272"/>
      <c r="BH50" s="1272"/>
      <c r="BI50" s="1272"/>
      <c r="BJ50" s="1272"/>
      <c r="BK50" s="1272"/>
      <c r="BL50" s="1272"/>
      <c r="BM50" s="1272"/>
      <c r="BN50" s="1272"/>
      <c r="BO50" s="1273"/>
      <c r="BP50" s="1259" t="s">
        <v>566</v>
      </c>
      <c r="BQ50" s="1259"/>
      <c r="BR50" s="1259"/>
      <c r="BS50" s="1259"/>
      <c r="BT50" s="1259"/>
      <c r="BU50" s="1259"/>
      <c r="BV50" s="1259"/>
      <c r="BW50" s="1259"/>
      <c r="BX50" s="1259" t="s">
        <v>567</v>
      </c>
      <c r="BY50" s="1259"/>
      <c r="BZ50" s="1259"/>
      <c r="CA50" s="1259"/>
      <c r="CB50" s="1259"/>
      <c r="CC50" s="1259"/>
      <c r="CD50" s="1259"/>
      <c r="CE50" s="1259"/>
      <c r="CF50" s="1259" t="s">
        <v>568</v>
      </c>
      <c r="CG50" s="1259"/>
      <c r="CH50" s="1259"/>
      <c r="CI50" s="1259"/>
      <c r="CJ50" s="1259"/>
      <c r="CK50" s="1259"/>
      <c r="CL50" s="1259"/>
      <c r="CM50" s="1259"/>
      <c r="CN50" s="1259" t="s">
        <v>569</v>
      </c>
      <c r="CO50" s="1259"/>
      <c r="CP50" s="1259"/>
      <c r="CQ50" s="1259"/>
      <c r="CR50" s="1259"/>
      <c r="CS50" s="1259"/>
      <c r="CT50" s="1259"/>
      <c r="CU50" s="1259"/>
      <c r="CV50" s="1259" t="s">
        <v>570</v>
      </c>
      <c r="CW50" s="1259"/>
      <c r="CX50" s="1259"/>
      <c r="CY50" s="1259"/>
      <c r="CZ50" s="1259"/>
      <c r="DA50" s="1259"/>
      <c r="DB50" s="1259"/>
      <c r="DC50" s="1259"/>
    </row>
    <row r="51" spans="1:109" ht="13.5" customHeight="1" x14ac:dyDescent="0.2">
      <c r="B51" s="372"/>
      <c r="G51" s="1270"/>
      <c r="H51" s="1270"/>
      <c r="I51" s="1274"/>
      <c r="J51" s="1274"/>
      <c r="K51" s="1260"/>
      <c r="L51" s="1260"/>
      <c r="M51" s="1260"/>
      <c r="N51" s="1260"/>
      <c r="AM51" s="381"/>
      <c r="AN51" s="1258" t="s">
        <v>597</v>
      </c>
      <c r="AO51" s="1258"/>
      <c r="AP51" s="1258"/>
      <c r="AQ51" s="1258"/>
      <c r="AR51" s="1258"/>
      <c r="AS51" s="1258"/>
      <c r="AT51" s="1258"/>
      <c r="AU51" s="1258"/>
      <c r="AV51" s="1258"/>
      <c r="AW51" s="1258"/>
      <c r="AX51" s="1258"/>
      <c r="AY51" s="1258"/>
      <c r="AZ51" s="1258"/>
      <c r="BA51" s="1258"/>
      <c r="BB51" s="1258" t="s">
        <v>598</v>
      </c>
      <c r="BC51" s="1258"/>
      <c r="BD51" s="1258"/>
      <c r="BE51" s="1258"/>
      <c r="BF51" s="1258"/>
      <c r="BG51" s="1258"/>
      <c r="BH51" s="1258"/>
      <c r="BI51" s="1258"/>
      <c r="BJ51" s="1258"/>
      <c r="BK51" s="1258"/>
      <c r="BL51" s="1258"/>
      <c r="BM51" s="1258"/>
      <c r="BN51" s="1258"/>
      <c r="BO51" s="1258"/>
      <c r="BP51" s="1255"/>
      <c r="BQ51" s="1255"/>
      <c r="BR51" s="1255"/>
      <c r="BS51" s="1255"/>
      <c r="BT51" s="1255"/>
      <c r="BU51" s="1255"/>
      <c r="BV51" s="1255"/>
      <c r="BW51" s="1255"/>
      <c r="BX51" s="1255"/>
      <c r="BY51" s="1255"/>
      <c r="BZ51" s="1255"/>
      <c r="CA51" s="1255"/>
      <c r="CB51" s="1255"/>
      <c r="CC51" s="1255"/>
      <c r="CD51" s="1255"/>
      <c r="CE51" s="1255"/>
      <c r="CF51" s="1255"/>
      <c r="CG51" s="1255"/>
      <c r="CH51" s="1255"/>
      <c r="CI51" s="1255"/>
      <c r="CJ51" s="1255"/>
      <c r="CK51" s="1255"/>
      <c r="CL51" s="1255"/>
      <c r="CM51" s="1255"/>
      <c r="CN51" s="1255"/>
      <c r="CO51" s="1255"/>
      <c r="CP51" s="1255"/>
      <c r="CQ51" s="1255"/>
      <c r="CR51" s="1255"/>
      <c r="CS51" s="1255"/>
      <c r="CT51" s="1255"/>
      <c r="CU51" s="1255"/>
      <c r="CV51" s="1255"/>
      <c r="CW51" s="1255"/>
      <c r="CX51" s="1255"/>
      <c r="CY51" s="1255"/>
      <c r="CZ51" s="1255"/>
      <c r="DA51" s="1255"/>
      <c r="DB51" s="1255"/>
      <c r="DC51" s="1255"/>
    </row>
    <row r="52" spans="1:109" ht="13" x14ac:dyDescent="0.2">
      <c r="B52" s="372"/>
      <c r="G52" s="1270"/>
      <c r="H52" s="1270"/>
      <c r="I52" s="1274"/>
      <c r="J52" s="1274"/>
      <c r="K52" s="1260"/>
      <c r="L52" s="1260"/>
      <c r="M52" s="1260"/>
      <c r="N52" s="1260"/>
      <c r="AM52" s="381"/>
      <c r="AN52" s="1258"/>
      <c r="AO52" s="1258"/>
      <c r="AP52" s="1258"/>
      <c r="AQ52" s="1258"/>
      <c r="AR52" s="1258"/>
      <c r="AS52" s="1258"/>
      <c r="AT52" s="1258"/>
      <c r="AU52" s="1258"/>
      <c r="AV52" s="1258"/>
      <c r="AW52" s="1258"/>
      <c r="AX52" s="1258"/>
      <c r="AY52" s="1258"/>
      <c r="AZ52" s="1258"/>
      <c r="BA52" s="1258"/>
      <c r="BB52" s="1258"/>
      <c r="BC52" s="1258"/>
      <c r="BD52" s="1258"/>
      <c r="BE52" s="1258"/>
      <c r="BF52" s="1258"/>
      <c r="BG52" s="1258"/>
      <c r="BH52" s="1258"/>
      <c r="BI52" s="1258"/>
      <c r="BJ52" s="1258"/>
      <c r="BK52" s="1258"/>
      <c r="BL52" s="1258"/>
      <c r="BM52" s="1258"/>
      <c r="BN52" s="1258"/>
      <c r="BO52" s="1258"/>
      <c r="BP52" s="1255"/>
      <c r="BQ52" s="1255"/>
      <c r="BR52" s="1255"/>
      <c r="BS52" s="1255"/>
      <c r="BT52" s="1255"/>
      <c r="BU52" s="1255"/>
      <c r="BV52" s="1255"/>
      <c r="BW52" s="1255"/>
      <c r="BX52" s="1255"/>
      <c r="BY52" s="1255"/>
      <c r="BZ52" s="1255"/>
      <c r="CA52" s="1255"/>
      <c r="CB52" s="1255"/>
      <c r="CC52" s="1255"/>
      <c r="CD52" s="1255"/>
      <c r="CE52" s="1255"/>
      <c r="CF52" s="1255"/>
      <c r="CG52" s="1255"/>
      <c r="CH52" s="1255"/>
      <c r="CI52" s="1255"/>
      <c r="CJ52" s="1255"/>
      <c r="CK52" s="1255"/>
      <c r="CL52" s="1255"/>
      <c r="CM52" s="1255"/>
      <c r="CN52" s="1255"/>
      <c r="CO52" s="1255"/>
      <c r="CP52" s="1255"/>
      <c r="CQ52" s="1255"/>
      <c r="CR52" s="1255"/>
      <c r="CS52" s="1255"/>
      <c r="CT52" s="1255"/>
      <c r="CU52" s="1255"/>
      <c r="CV52" s="1255"/>
      <c r="CW52" s="1255"/>
      <c r="CX52" s="1255"/>
      <c r="CY52" s="1255"/>
      <c r="CZ52" s="1255"/>
      <c r="DA52" s="1255"/>
      <c r="DB52" s="1255"/>
      <c r="DC52" s="1255"/>
    </row>
    <row r="53" spans="1:109" ht="13" x14ac:dyDescent="0.2">
      <c r="A53" s="380"/>
      <c r="B53" s="372"/>
      <c r="G53" s="1270"/>
      <c r="H53" s="1270"/>
      <c r="I53" s="1253"/>
      <c r="J53" s="1253"/>
      <c r="K53" s="1260"/>
      <c r="L53" s="1260"/>
      <c r="M53" s="1260"/>
      <c r="N53" s="1260"/>
      <c r="AM53" s="381"/>
      <c r="AN53" s="1258"/>
      <c r="AO53" s="1258"/>
      <c r="AP53" s="1258"/>
      <c r="AQ53" s="1258"/>
      <c r="AR53" s="1258"/>
      <c r="AS53" s="1258"/>
      <c r="AT53" s="1258"/>
      <c r="AU53" s="1258"/>
      <c r="AV53" s="1258"/>
      <c r="AW53" s="1258"/>
      <c r="AX53" s="1258"/>
      <c r="AY53" s="1258"/>
      <c r="AZ53" s="1258"/>
      <c r="BA53" s="1258"/>
      <c r="BB53" s="1258" t="s">
        <v>599</v>
      </c>
      <c r="BC53" s="1258"/>
      <c r="BD53" s="1258"/>
      <c r="BE53" s="1258"/>
      <c r="BF53" s="1258"/>
      <c r="BG53" s="1258"/>
      <c r="BH53" s="1258"/>
      <c r="BI53" s="1258"/>
      <c r="BJ53" s="1258"/>
      <c r="BK53" s="1258"/>
      <c r="BL53" s="1258"/>
      <c r="BM53" s="1258"/>
      <c r="BN53" s="1258"/>
      <c r="BO53" s="1258"/>
      <c r="BP53" s="1255">
        <v>65.099999999999994</v>
      </c>
      <c r="BQ53" s="1255"/>
      <c r="BR53" s="1255"/>
      <c r="BS53" s="1255"/>
      <c r="BT53" s="1255"/>
      <c r="BU53" s="1255"/>
      <c r="BV53" s="1255"/>
      <c r="BW53" s="1255"/>
      <c r="BX53" s="1255">
        <v>66.400000000000006</v>
      </c>
      <c r="BY53" s="1255"/>
      <c r="BZ53" s="1255"/>
      <c r="CA53" s="1255"/>
      <c r="CB53" s="1255"/>
      <c r="CC53" s="1255"/>
      <c r="CD53" s="1255"/>
      <c r="CE53" s="1255"/>
      <c r="CF53" s="1255">
        <v>68</v>
      </c>
      <c r="CG53" s="1255"/>
      <c r="CH53" s="1255"/>
      <c r="CI53" s="1255"/>
      <c r="CJ53" s="1255"/>
      <c r="CK53" s="1255"/>
      <c r="CL53" s="1255"/>
      <c r="CM53" s="1255"/>
      <c r="CN53" s="1255">
        <v>69.400000000000006</v>
      </c>
      <c r="CO53" s="1255"/>
      <c r="CP53" s="1255"/>
      <c r="CQ53" s="1255"/>
      <c r="CR53" s="1255"/>
      <c r="CS53" s="1255"/>
      <c r="CT53" s="1255"/>
      <c r="CU53" s="1255"/>
      <c r="CV53" s="1255">
        <v>71</v>
      </c>
      <c r="CW53" s="1255"/>
      <c r="CX53" s="1255"/>
      <c r="CY53" s="1255"/>
      <c r="CZ53" s="1255"/>
      <c r="DA53" s="1255"/>
      <c r="DB53" s="1255"/>
      <c r="DC53" s="1255"/>
    </row>
    <row r="54" spans="1:109" ht="13" x14ac:dyDescent="0.2">
      <c r="A54" s="380"/>
      <c r="B54" s="372"/>
      <c r="G54" s="1270"/>
      <c r="H54" s="1270"/>
      <c r="I54" s="1253"/>
      <c r="J54" s="1253"/>
      <c r="K54" s="1260"/>
      <c r="L54" s="1260"/>
      <c r="M54" s="1260"/>
      <c r="N54" s="1260"/>
      <c r="AM54" s="381"/>
      <c r="AN54" s="1258"/>
      <c r="AO54" s="1258"/>
      <c r="AP54" s="1258"/>
      <c r="AQ54" s="1258"/>
      <c r="AR54" s="1258"/>
      <c r="AS54" s="1258"/>
      <c r="AT54" s="1258"/>
      <c r="AU54" s="1258"/>
      <c r="AV54" s="1258"/>
      <c r="AW54" s="1258"/>
      <c r="AX54" s="1258"/>
      <c r="AY54" s="1258"/>
      <c r="AZ54" s="1258"/>
      <c r="BA54" s="1258"/>
      <c r="BB54" s="1258"/>
      <c r="BC54" s="1258"/>
      <c r="BD54" s="1258"/>
      <c r="BE54" s="1258"/>
      <c r="BF54" s="1258"/>
      <c r="BG54" s="1258"/>
      <c r="BH54" s="1258"/>
      <c r="BI54" s="1258"/>
      <c r="BJ54" s="1258"/>
      <c r="BK54" s="1258"/>
      <c r="BL54" s="1258"/>
      <c r="BM54" s="1258"/>
      <c r="BN54" s="1258"/>
      <c r="BO54" s="1258"/>
      <c r="BP54" s="1255"/>
      <c r="BQ54" s="1255"/>
      <c r="BR54" s="1255"/>
      <c r="BS54" s="1255"/>
      <c r="BT54" s="1255"/>
      <c r="BU54" s="1255"/>
      <c r="BV54" s="1255"/>
      <c r="BW54" s="1255"/>
      <c r="BX54" s="1255"/>
      <c r="BY54" s="1255"/>
      <c r="BZ54" s="1255"/>
      <c r="CA54" s="1255"/>
      <c r="CB54" s="1255"/>
      <c r="CC54" s="1255"/>
      <c r="CD54" s="1255"/>
      <c r="CE54" s="1255"/>
      <c r="CF54" s="1255"/>
      <c r="CG54" s="1255"/>
      <c r="CH54" s="1255"/>
      <c r="CI54" s="1255"/>
      <c r="CJ54" s="1255"/>
      <c r="CK54" s="1255"/>
      <c r="CL54" s="1255"/>
      <c r="CM54" s="1255"/>
      <c r="CN54" s="1255"/>
      <c r="CO54" s="1255"/>
      <c r="CP54" s="1255"/>
      <c r="CQ54" s="1255"/>
      <c r="CR54" s="1255"/>
      <c r="CS54" s="1255"/>
      <c r="CT54" s="1255"/>
      <c r="CU54" s="1255"/>
      <c r="CV54" s="1255"/>
      <c r="CW54" s="1255"/>
      <c r="CX54" s="1255"/>
      <c r="CY54" s="1255"/>
      <c r="CZ54" s="1255"/>
      <c r="DA54" s="1255"/>
      <c r="DB54" s="1255"/>
      <c r="DC54" s="1255"/>
    </row>
    <row r="55" spans="1:109" ht="13" x14ac:dyDescent="0.2">
      <c r="A55" s="380"/>
      <c r="B55" s="372"/>
      <c r="G55" s="1253"/>
      <c r="H55" s="1253"/>
      <c r="I55" s="1253"/>
      <c r="J55" s="1253"/>
      <c r="K55" s="1260"/>
      <c r="L55" s="1260"/>
      <c r="M55" s="1260"/>
      <c r="N55" s="1260"/>
      <c r="AN55" s="1259" t="s">
        <v>600</v>
      </c>
      <c r="AO55" s="1259"/>
      <c r="AP55" s="1259"/>
      <c r="AQ55" s="1259"/>
      <c r="AR55" s="1259"/>
      <c r="AS55" s="1259"/>
      <c r="AT55" s="1259"/>
      <c r="AU55" s="1259"/>
      <c r="AV55" s="1259"/>
      <c r="AW55" s="1259"/>
      <c r="AX55" s="1259"/>
      <c r="AY55" s="1259"/>
      <c r="AZ55" s="1259"/>
      <c r="BA55" s="1259"/>
      <c r="BB55" s="1258" t="s">
        <v>598</v>
      </c>
      <c r="BC55" s="1258"/>
      <c r="BD55" s="1258"/>
      <c r="BE55" s="1258"/>
      <c r="BF55" s="1258"/>
      <c r="BG55" s="1258"/>
      <c r="BH55" s="1258"/>
      <c r="BI55" s="1258"/>
      <c r="BJ55" s="1258"/>
      <c r="BK55" s="1258"/>
      <c r="BL55" s="1258"/>
      <c r="BM55" s="1258"/>
      <c r="BN55" s="1258"/>
      <c r="BO55" s="1258"/>
      <c r="BP55" s="1255">
        <v>18.2</v>
      </c>
      <c r="BQ55" s="1255"/>
      <c r="BR55" s="1255"/>
      <c r="BS55" s="1255"/>
      <c r="BT55" s="1255"/>
      <c r="BU55" s="1255"/>
      <c r="BV55" s="1255"/>
      <c r="BW55" s="1255"/>
      <c r="BX55" s="1255">
        <v>20.3</v>
      </c>
      <c r="BY55" s="1255"/>
      <c r="BZ55" s="1255"/>
      <c r="CA55" s="1255"/>
      <c r="CB55" s="1255"/>
      <c r="CC55" s="1255"/>
      <c r="CD55" s="1255"/>
      <c r="CE55" s="1255"/>
      <c r="CF55" s="1255">
        <v>15.5</v>
      </c>
      <c r="CG55" s="1255"/>
      <c r="CH55" s="1255"/>
      <c r="CI55" s="1255"/>
      <c r="CJ55" s="1255"/>
      <c r="CK55" s="1255"/>
      <c r="CL55" s="1255"/>
      <c r="CM55" s="1255"/>
      <c r="CN55" s="1255">
        <v>4.5999999999999996</v>
      </c>
      <c r="CO55" s="1255"/>
      <c r="CP55" s="1255"/>
      <c r="CQ55" s="1255"/>
      <c r="CR55" s="1255"/>
      <c r="CS55" s="1255"/>
      <c r="CT55" s="1255"/>
      <c r="CU55" s="1255"/>
      <c r="CV55" s="1255">
        <v>1.6</v>
      </c>
      <c r="CW55" s="1255"/>
      <c r="CX55" s="1255"/>
      <c r="CY55" s="1255"/>
      <c r="CZ55" s="1255"/>
      <c r="DA55" s="1255"/>
      <c r="DB55" s="1255"/>
      <c r="DC55" s="1255"/>
    </row>
    <row r="56" spans="1:109" ht="13" x14ac:dyDescent="0.2">
      <c r="A56" s="380"/>
      <c r="B56" s="372"/>
      <c r="G56" s="1253"/>
      <c r="H56" s="1253"/>
      <c r="I56" s="1253"/>
      <c r="J56" s="1253"/>
      <c r="K56" s="1260"/>
      <c r="L56" s="1260"/>
      <c r="M56" s="1260"/>
      <c r="N56" s="1260"/>
      <c r="AN56" s="1259"/>
      <c r="AO56" s="1259"/>
      <c r="AP56" s="1259"/>
      <c r="AQ56" s="1259"/>
      <c r="AR56" s="1259"/>
      <c r="AS56" s="1259"/>
      <c r="AT56" s="1259"/>
      <c r="AU56" s="1259"/>
      <c r="AV56" s="1259"/>
      <c r="AW56" s="1259"/>
      <c r="AX56" s="1259"/>
      <c r="AY56" s="1259"/>
      <c r="AZ56" s="1259"/>
      <c r="BA56" s="1259"/>
      <c r="BB56" s="1258"/>
      <c r="BC56" s="1258"/>
      <c r="BD56" s="1258"/>
      <c r="BE56" s="1258"/>
      <c r="BF56" s="1258"/>
      <c r="BG56" s="1258"/>
      <c r="BH56" s="1258"/>
      <c r="BI56" s="1258"/>
      <c r="BJ56" s="1258"/>
      <c r="BK56" s="1258"/>
      <c r="BL56" s="1258"/>
      <c r="BM56" s="1258"/>
      <c r="BN56" s="1258"/>
      <c r="BO56" s="1258"/>
      <c r="BP56" s="1255"/>
      <c r="BQ56" s="1255"/>
      <c r="BR56" s="1255"/>
      <c r="BS56" s="1255"/>
      <c r="BT56" s="1255"/>
      <c r="BU56" s="1255"/>
      <c r="BV56" s="1255"/>
      <c r="BW56" s="1255"/>
      <c r="BX56" s="1255"/>
      <c r="BY56" s="1255"/>
      <c r="BZ56" s="1255"/>
      <c r="CA56" s="1255"/>
      <c r="CB56" s="1255"/>
      <c r="CC56" s="1255"/>
      <c r="CD56" s="1255"/>
      <c r="CE56" s="1255"/>
      <c r="CF56" s="1255"/>
      <c r="CG56" s="1255"/>
      <c r="CH56" s="1255"/>
      <c r="CI56" s="1255"/>
      <c r="CJ56" s="1255"/>
      <c r="CK56" s="1255"/>
      <c r="CL56" s="1255"/>
      <c r="CM56" s="1255"/>
      <c r="CN56" s="1255"/>
      <c r="CO56" s="1255"/>
      <c r="CP56" s="1255"/>
      <c r="CQ56" s="1255"/>
      <c r="CR56" s="1255"/>
      <c r="CS56" s="1255"/>
      <c r="CT56" s="1255"/>
      <c r="CU56" s="1255"/>
      <c r="CV56" s="1255"/>
      <c r="CW56" s="1255"/>
      <c r="CX56" s="1255"/>
      <c r="CY56" s="1255"/>
      <c r="CZ56" s="1255"/>
      <c r="DA56" s="1255"/>
      <c r="DB56" s="1255"/>
      <c r="DC56" s="1255"/>
    </row>
    <row r="57" spans="1:109" s="380" customFormat="1" ht="13" x14ac:dyDescent="0.2">
      <c r="B57" s="384"/>
      <c r="G57" s="1253"/>
      <c r="H57" s="1253"/>
      <c r="I57" s="1256"/>
      <c r="J57" s="1256"/>
      <c r="K57" s="1260"/>
      <c r="L57" s="1260"/>
      <c r="M57" s="1260"/>
      <c r="N57" s="1260"/>
      <c r="AM57" s="366"/>
      <c r="AN57" s="1259"/>
      <c r="AO57" s="1259"/>
      <c r="AP57" s="1259"/>
      <c r="AQ57" s="1259"/>
      <c r="AR57" s="1259"/>
      <c r="AS57" s="1259"/>
      <c r="AT57" s="1259"/>
      <c r="AU57" s="1259"/>
      <c r="AV57" s="1259"/>
      <c r="AW57" s="1259"/>
      <c r="AX57" s="1259"/>
      <c r="AY57" s="1259"/>
      <c r="AZ57" s="1259"/>
      <c r="BA57" s="1259"/>
      <c r="BB57" s="1258" t="s">
        <v>599</v>
      </c>
      <c r="BC57" s="1258"/>
      <c r="BD57" s="1258"/>
      <c r="BE57" s="1258"/>
      <c r="BF57" s="1258"/>
      <c r="BG57" s="1258"/>
      <c r="BH57" s="1258"/>
      <c r="BI57" s="1258"/>
      <c r="BJ57" s="1258"/>
      <c r="BK57" s="1258"/>
      <c r="BL57" s="1258"/>
      <c r="BM57" s="1258"/>
      <c r="BN57" s="1258"/>
      <c r="BO57" s="1258"/>
      <c r="BP57" s="1255">
        <v>59.3</v>
      </c>
      <c r="BQ57" s="1255"/>
      <c r="BR57" s="1255"/>
      <c r="BS57" s="1255"/>
      <c r="BT57" s="1255"/>
      <c r="BU57" s="1255"/>
      <c r="BV57" s="1255"/>
      <c r="BW57" s="1255"/>
      <c r="BX57" s="1255">
        <v>60.3</v>
      </c>
      <c r="BY57" s="1255"/>
      <c r="BZ57" s="1255"/>
      <c r="CA57" s="1255"/>
      <c r="CB57" s="1255"/>
      <c r="CC57" s="1255"/>
      <c r="CD57" s="1255"/>
      <c r="CE57" s="1255"/>
      <c r="CF57" s="1255">
        <v>61.5</v>
      </c>
      <c r="CG57" s="1255"/>
      <c r="CH57" s="1255"/>
      <c r="CI57" s="1255"/>
      <c r="CJ57" s="1255"/>
      <c r="CK57" s="1255"/>
      <c r="CL57" s="1255"/>
      <c r="CM57" s="1255"/>
      <c r="CN57" s="1255">
        <v>61</v>
      </c>
      <c r="CO57" s="1255"/>
      <c r="CP57" s="1255"/>
      <c r="CQ57" s="1255"/>
      <c r="CR57" s="1255"/>
      <c r="CS57" s="1255"/>
      <c r="CT57" s="1255"/>
      <c r="CU57" s="1255"/>
      <c r="CV57" s="1255">
        <v>62.3</v>
      </c>
      <c r="CW57" s="1255"/>
      <c r="CX57" s="1255"/>
      <c r="CY57" s="1255"/>
      <c r="CZ57" s="1255"/>
      <c r="DA57" s="1255"/>
      <c r="DB57" s="1255"/>
      <c r="DC57" s="1255"/>
      <c r="DD57" s="385"/>
      <c r="DE57" s="384"/>
    </row>
    <row r="58" spans="1:109" s="380" customFormat="1" ht="13" x14ac:dyDescent="0.2">
      <c r="A58" s="366"/>
      <c r="B58" s="384"/>
      <c r="G58" s="1253"/>
      <c r="H58" s="1253"/>
      <c r="I58" s="1256"/>
      <c r="J58" s="1256"/>
      <c r="K58" s="1260"/>
      <c r="L58" s="1260"/>
      <c r="M58" s="1260"/>
      <c r="N58" s="1260"/>
      <c r="AM58" s="366"/>
      <c r="AN58" s="1259"/>
      <c r="AO58" s="1259"/>
      <c r="AP58" s="1259"/>
      <c r="AQ58" s="1259"/>
      <c r="AR58" s="1259"/>
      <c r="AS58" s="1259"/>
      <c r="AT58" s="1259"/>
      <c r="AU58" s="1259"/>
      <c r="AV58" s="1259"/>
      <c r="AW58" s="1259"/>
      <c r="AX58" s="1259"/>
      <c r="AY58" s="1259"/>
      <c r="AZ58" s="1259"/>
      <c r="BA58" s="1259"/>
      <c r="BB58" s="1258"/>
      <c r="BC58" s="1258"/>
      <c r="BD58" s="1258"/>
      <c r="BE58" s="1258"/>
      <c r="BF58" s="1258"/>
      <c r="BG58" s="1258"/>
      <c r="BH58" s="1258"/>
      <c r="BI58" s="1258"/>
      <c r="BJ58" s="1258"/>
      <c r="BK58" s="1258"/>
      <c r="BL58" s="1258"/>
      <c r="BM58" s="1258"/>
      <c r="BN58" s="1258"/>
      <c r="BO58" s="1258"/>
      <c r="BP58" s="1255"/>
      <c r="BQ58" s="1255"/>
      <c r="BR58" s="1255"/>
      <c r="BS58" s="1255"/>
      <c r="BT58" s="1255"/>
      <c r="BU58" s="1255"/>
      <c r="BV58" s="1255"/>
      <c r="BW58" s="1255"/>
      <c r="BX58" s="1255"/>
      <c r="BY58" s="1255"/>
      <c r="BZ58" s="1255"/>
      <c r="CA58" s="1255"/>
      <c r="CB58" s="1255"/>
      <c r="CC58" s="1255"/>
      <c r="CD58" s="1255"/>
      <c r="CE58" s="1255"/>
      <c r="CF58" s="1255"/>
      <c r="CG58" s="1255"/>
      <c r="CH58" s="1255"/>
      <c r="CI58" s="1255"/>
      <c r="CJ58" s="1255"/>
      <c r="CK58" s="1255"/>
      <c r="CL58" s="1255"/>
      <c r="CM58" s="1255"/>
      <c r="CN58" s="1255"/>
      <c r="CO58" s="1255"/>
      <c r="CP58" s="1255"/>
      <c r="CQ58" s="1255"/>
      <c r="CR58" s="1255"/>
      <c r="CS58" s="1255"/>
      <c r="CT58" s="1255"/>
      <c r="CU58" s="1255"/>
      <c r="CV58" s="1255"/>
      <c r="CW58" s="1255"/>
      <c r="CX58" s="1255"/>
      <c r="CY58" s="1255"/>
      <c r="CZ58" s="1255"/>
      <c r="DA58" s="1255"/>
      <c r="DB58" s="1255"/>
      <c r="DC58" s="1255"/>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601</v>
      </c>
    </row>
    <row r="64" spans="1:109" ht="13" x14ac:dyDescent="0.2">
      <c r="B64" s="372"/>
      <c r="G64" s="379"/>
      <c r="I64" s="392"/>
      <c r="J64" s="392"/>
      <c r="K64" s="392"/>
      <c r="L64" s="392"/>
      <c r="M64" s="392"/>
      <c r="N64" s="393"/>
      <c r="AM64" s="379"/>
      <c r="AN64" s="379" t="s">
        <v>595</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61" t="s">
        <v>604</v>
      </c>
      <c r="AO65" s="1262"/>
      <c r="AP65" s="1262"/>
      <c r="AQ65" s="1262"/>
      <c r="AR65" s="1262"/>
      <c r="AS65" s="1262"/>
      <c r="AT65" s="1262"/>
      <c r="AU65" s="1262"/>
      <c r="AV65" s="1262"/>
      <c r="AW65" s="1262"/>
      <c r="AX65" s="1262"/>
      <c r="AY65" s="1262"/>
      <c r="AZ65" s="1262"/>
      <c r="BA65" s="1262"/>
      <c r="BB65" s="1262"/>
      <c r="BC65" s="1262"/>
      <c r="BD65" s="1262"/>
      <c r="BE65" s="1262"/>
      <c r="BF65" s="1262"/>
      <c r="BG65" s="1262"/>
      <c r="BH65" s="1262"/>
      <c r="BI65" s="1262"/>
      <c r="BJ65" s="1262"/>
      <c r="BK65" s="1262"/>
      <c r="BL65" s="1262"/>
      <c r="BM65" s="1262"/>
      <c r="BN65" s="1262"/>
      <c r="BO65" s="1262"/>
      <c r="BP65" s="1262"/>
      <c r="BQ65" s="1262"/>
      <c r="BR65" s="1262"/>
      <c r="BS65" s="1262"/>
      <c r="BT65" s="1262"/>
      <c r="BU65" s="1262"/>
      <c r="BV65" s="1262"/>
      <c r="BW65" s="1262"/>
      <c r="BX65" s="1262"/>
      <c r="BY65" s="1262"/>
      <c r="BZ65" s="1262"/>
      <c r="CA65" s="1262"/>
      <c r="CB65" s="1262"/>
      <c r="CC65" s="1262"/>
      <c r="CD65" s="1262"/>
      <c r="CE65" s="1262"/>
      <c r="CF65" s="1262"/>
      <c r="CG65" s="1262"/>
      <c r="CH65" s="1262"/>
      <c r="CI65" s="1262"/>
      <c r="CJ65" s="1262"/>
      <c r="CK65" s="1262"/>
      <c r="CL65" s="1262"/>
      <c r="CM65" s="1262"/>
      <c r="CN65" s="1262"/>
      <c r="CO65" s="1262"/>
      <c r="CP65" s="1262"/>
      <c r="CQ65" s="1262"/>
      <c r="CR65" s="1262"/>
      <c r="CS65" s="1262"/>
      <c r="CT65" s="1262"/>
      <c r="CU65" s="1262"/>
      <c r="CV65" s="1262"/>
      <c r="CW65" s="1262"/>
      <c r="CX65" s="1262"/>
      <c r="CY65" s="1262"/>
      <c r="CZ65" s="1262"/>
      <c r="DA65" s="1262"/>
      <c r="DB65" s="1262"/>
      <c r="DC65" s="1263"/>
    </row>
    <row r="66" spans="2:107" ht="13" x14ac:dyDescent="0.2">
      <c r="B66" s="372"/>
      <c r="AN66" s="1264"/>
      <c r="AO66" s="1265"/>
      <c r="AP66" s="1265"/>
      <c r="AQ66" s="1265"/>
      <c r="AR66" s="1265"/>
      <c r="AS66" s="1265"/>
      <c r="AT66" s="1265"/>
      <c r="AU66" s="1265"/>
      <c r="AV66" s="1265"/>
      <c r="AW66" s="1265"/>
      <c r="AX66" s="1265"/>
      <c r="AY66" s="1265"/>
      <c r="AZ66" s="1265"/>
      <c r="BA66" s="1265"/>
      <c r="BB66" s="1265"/>
      <c r="BC66" s="1265"/>
      <c r="BD66" s="1265"/>
      <c r="BE66" s="1265"/>
      <c r="BF66" s="1265"/>
      <c r="BG66" s="1265"/>
      <c r="BH66" s="1265"/>
      <c r="BI66" s="1265"/>
      <c r="BJ66" s="1265"/>
      <c r="BK66" s="1265"/>
      <c r="BL66" s="1265"/>
      <c r="BM66" s="1265"/>
      <c r="BN66" s="1265"/>
      <c r="BO66" s="1265"/>
      <c r="BP66" s="1265"/>
      <c r="BQ66" s="1265"/>
      <c r="BR66" s="1265"/>
      <c r="BS66" s="1265"/>
      <c r="BT66" s="1265"/>
      <c r="BU66" s="1265"/>
      <c r="BV66" s="1265"/>
      <c r="BW66" s="1265"/>
      <c r="BX66" s="1265"/>
      <c r="BY66" s="1265"/>
      <c r="BZ66" s="1265"/>
      <c r="CA66" s="1265"/>
      <c r="CB66" s="1265"/>
      <c r="CC66" s="1265"/>
      <c r="CD66" s="1265"/>
      <c r="CE66" s="1265"/>
      <c r="CF66" s="1265"/>
      <c r="CG66" s="1265"/>
      <c r="CH66" s="1265"/>
      <c r="CI66" s="1265"/>
      <c r="CJ66" s="1265"/>
      <c r="CK66" s="1265"/>
      <c r="CL66" s="1265"/>
      <c r="CM66" s="1265"/>
      <c r="CN66" s="1265"/>
      <c r="CO66" s="1265"/>
      <c r="CP66" s="1265"/>
      <c r="CQ66" s="1265"/>
      <c r="CR66" s="1265"/>
      <c r="CS66" s="1265"/>
      <c r="CT66" s="1265"/>
      <c r="CU66" s="1265"/>
      <c r="CV66" s="1265"/>
      <c r="CW66" s="1265"/>
      <c r="CX66" s="1265"/>
      <c r="CY66" s="1265"/>
      <c r="CZ66" s="1265"/>
      <c r="DA66" s="1265"/>
      <c r="DB66" s="1265"/>
      <c r="DC66" s="1266"/>
    </row>
    <row r="67" spans="2:107" ht="13" x14ac:dyDescent="0.2">
      <c r="B67" s="372"/>
      <c r="AN67" s="1264"/>
      <c r="AO67" s="1265"/>
      <c r="AP67" s="1265"/>
      <c r="AQ67" s="1265"/>
      <c r="AR67" s="1265"/>
      <c r="AS67" s="1265"/>
      <c r="AT67" s="1265"/>
      <c r="AU67" s="1265"/>
      <c r="AV67" s="1265"/>
      <c r="AW67" s="1265"/>
      <c r="AX67" s="1265"/>
      <c r="AY67" s="1265"/>
      <c r="AZ67" s="1265"/>
      <c r="BA67" s="1265"/>
      <c r="BB67" s="1265"/>
      <c r="BC67" s="1265"/>
      <c r="BD67" s="1265"/>
      <c r="BE67" s="1265"/>
      <c r="BF67" s="1265"/>
      <c r="BG67" s="1265"/>
      <c r="BH67" s="1265"/>
      <c r="BI67" s="1265"/>
      <c r="BJ67" s="1265"/>
      <c r="BK67" s="1265"/>
      <c r="BL67" s="1265"/>
      <c r="BM67" s="1265"/>
      <c r="BN67" s="1265"/>
      <c r="BO67" s="1265"/>
      <c r="BP67" s="1265"/>
      <c r="BQ67" s="1265"/>
      <c r="BR67" s="1265"/>
      <c r="BS67" s="1265"/>
      <c r="BT67" s="1265"/>
      <c r="BU67" s="1265"/>
      <c r="BV67" s="1265"/>
      <c r="BW67" s="1265"/>
      <c r="BX67" s="1265"/>
      <c r="BY67" s="1265"/>
      <c r="BZ67" s="1265"/>
      <c r="CA67" s="1265"/>
      <c r="CB67" s="1265"/>
      <c r="CC67" s="1265"/>
      <c r="CD67" s="1265"/>
      <c r="CE67" s="1265"/>
      <c r="CF67" s="1265"/>
      <c r="CG67" s="1265"/>
      <c r="CH67" s="1265"/>
      <c r="CI67" s="1265"/>
      <c r="CJ67" s="1265"/>
      <c r="CK67" s="1265"/>
      <c r="CL67" s="1265"/>
      <c r="CM67" s="1265"/>
      <c r="CN67" s="1265"/>
      <c r="CO67" s="1265"/>
      <c r="CP67" s="1265"/>
      <c r="CQ67" s="1265"/>
      <c r="CR67" s="1265"/>
      <c r="CS67" s="1265"/>
      <c r="CT67" s="1265"/>
      <c r="CU67" s="1265"/>
      <c r="CV67" s="1265"/>
      <c r="CW67" s="1265"/>
      <c r="CX67" s="1265"/>
      <c r="CY67" s="1265"/>
      <c r="CZ67" s="1265"/>
      <c r="DA67" s="1265"/>
      <c r="DB67" s="1265"/>
      <c r="DC67" s="1266"/>
    </row>
    <row r="68" spans="2:107" ht="13" x14ac:dyDescent="0.2">
      <c r="B68" s="372"/>
      <c r="AN68" s="1264"/>
      <c r="AO68" s="1265"/>
      <c r="AP68" s="1265"/>
      <c r="AQ68" s="1265"/>
      <c r="AR68" s="1265"/>
      <c r="AS68" s="1265"/>
      <c r="AT68" s="1265"/>
      <c r="AU68" s="1265"/>
      <c r="AV68" s="1265"/>
      <c r="AW68" s="1265"/>
      <c r="AX68" s="1265"/>
      <c r="AY68" s="1265"/>
      <c r="AZ68" s="1265"/>
      <c r="BA68" s="1265"/>
      <c r="BB68" s="1265"/>
      <c r="BC68" s="1265"/>
      <c r="BD68" s="1265"/>
      <c r="BE68" s="1265"/>
      <c r="BF68" s="1265"/>
      <c r="BG68" s="1265"/>
      <c r="BH68" s="1265"/>
      <c r="BI68" s="1265"/>
      <c r="BJ68" s="1265"/>
      <c r="BK68" s="1265"/>
      <c r="BL68" s="1265"/>
      <c r="BM68" s="1265"/>
      <c r="BN68" s="1265"/>
      <c r="BO68" s="1265"/>
      <c r="BP68" s="1265"/>
      <c r="BQ68" s="1265"/>
      <c r="BR68" s="1265"/>
      <c r="BS68" s="1265"/>
      <c r="BT68" s="1265"/>
      <c r="BU68" s="1265"/>
      <c r="BV68" s="1265"/>
      <c r="BW68" s="1265"/>
      <c r="BX68" s="1265"/>
      <c r="BY68" s="1265"/>
      <c r="BZ68" s="1265"/>
      <c r="CA68" s="1265"/>
      <c r="CB68" s="1265"/>
      <c r="CC68" s="1265"/>
      <c r="CD68" s="1265"/>
      <c r="CE68" s="1265"/>
      <c r="CF68" s="1265"/>
      <c r="CG68" s="1265"/>
      <c r="CH68" s="1265"/>
      <c r="CI68" s="1265"/>
      <c r="CJ68" s="1265"/>
      <c r="CK68" s="1265"/>
      <c r="CL68" s="1265"/>
      <c r="CM68" s="1265"/>
      <c r="CN68" s="1265"/>
      <c r="CO68" s="1265"/>
      <c r="CP68" s="1265"/>
      <c r="CQ68" s="1265"/>
      <c r="CR68" s="1265"/>
      <c r="CS68" s="1265"/>
      <c r="CT68" s="1265"/>
      <c r="CU68" s="1265"/>
      <c r="CV68" s="1265"/>
      <c r="CW68" s="1265"/>
      <c r="CX68" s="1265"/>
      <c r="CY68" s="1265"/>
      <c r="CZ68" s="1265"/>
      <c r="DA68" s="1265"/>
      <c r="DB68" s="1265"/>
      <c r="DC68" s="1266"/>
    </row>
    <row r="69" spans="2:107" ht="13" x14ac:dyDescent="0.2">
      <c r="B69" s="372"/>
      <c r="AN69" s="1267"/>
      <c r="AO69" s="1268"/>
      <c r="AP69" s="1268"/>
      <c r="AQ69" s="1268"/>
      <c r="AR69" s="1268"/>
      <c r="AS69" s="1268"/>
      <c r="AT69" s="1268"/>
      <c r="AU69" s="1268"/>
      <c r="AV69" s="1268"/>
      <c r="AW69" s="1268"/>
      <c r="AX69" s="1268"/>
      <c r="AY69" s="1268"/>
      <c r="AZ69" s="1268"/>
      <c r="BA69" s="1268"/>
      <c r="BB69" s="1268"/>
      <c r="BC69" s="1268"/>
      <c r="BD69" s="1268"/>
      <c r="BE69" s="1268"/>
      <c r="BF69" s="1268"/>
      <c r="BG69" s="1268"/>
      <c r="BH69" s="1268"/>
      <c r="BI69" s="1268"/>
      <c r="BJ69" s="1268"/>
      <c r="BK69" s="1268"/>
      <c r="BL69" s="1268"/>
      <c r="BM69" s="1268"/>
      <c r="BN69" s="1268"/>
      <c r="BO69" s="1268"/>
      <c r="BP69" s="1268"/>
      <c r="BQ69" s="1268"/>
      <c r="BR69" s="1268"/>
      <c r="BS69" s="1268"/>
      <c r="BT69" s="1268"/>
      <c r="BU69" s="1268"/>
      <c r="BV69" s="1268"/>
      <c r="BW69" s="1268"/>
      <c r="BX69" s="1268"/>
      <c r="BY69" s="1268"/>
      <c r="BZ69" s="1268"/>
      <c r="CA69" s="1268"/>
      <c r="CB69" s="1268"/>
      <c r="CC69" s="1268"/>
      <c r="CD69" s="1268"/>
      <c r="CE69" s="1268"/>
      <c r="CF69" s="1268"/>
      <c r="CG69" s="1268"/>
      <c r="CH69" s="1268"/>
      <c r="CI69" s="1268"/>
      <c r="CJ69" s="1268"/>
      <c r="CK69" s="1268"/>
      <c r="CL69" s="1268"/>
      <c r="CM69" s="1268"/>
      <c r="CN69" s="1268"/>
      <c r="CO69" s="1268"/>
      <c r="CP69" s="1268"/>
      <c r="CQ69" s="1268"/>
      <c r="CR69" s="1268"/>
      <c r="CS69" s="1268"/>
      <c r="CT69" s="1268"/>
      <c r="CU69" s="1268"/>
      <c r="CV69" s="1268"/>
      <c r="CW69" s="1268"/>
      <c r="CX69" s="1268"/>
      <c r="CY69" s="1268"/>
      <c r="CZ69" s="1268"/>
      <c r="DA69" s="1268"/>
      <c r="DB69" s="1268"/>
      <c r="DC69" s="1269"/>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96</v>
      </c>
    </row>
    <row r="72" spans="2:107" ht="13" x14ac:dyDescent="0.2">
      <c r="B72" s="372"/>
      <c r="G72" s="1253"/>
      <c r="H72" s="1253"/>
      <c r="I72" s="1253"/>
      <c r="J72" s="1253"/>
      <c r="K72" s="382"/>
      <c r="L72" s="382"/>
      <c r="M72" s="383"/>
      <c r="N72" s="383"/>
      <c r="AN72" s="1271"/>
      <c r="AO72" s="1272"/>
      <c r="AP72" s="1272"/>
      <c r="AQ72" s="1272"/>
      <c r="AR72" s="1272"/>
      <c r="AS72" s="1272"/>
      <c r="AT72" s="1272"/>
      <c r="AU72" s="1272"/>
      <c r="AV72" s="1272"/>
      <c r="AW72" s="1272"/>
      <c r="AX72" s="1272"/>
      <c r="AY72" s="1272"/>
      <c r="AZ72" s="1272"/>
      <c r="BA72" s="1272"/>
      <c r="BB72" s="1272"/>
      <c r="BC72" s="1272"/>
      <c r="BD72" s="1272"/>
      <c r="BE72" s="1272"/>
      <c r="BF72" s="1272"/>
      <c r="BG72" s="1272"/>
      <c r="BH72" s="1272"/>
      <c r="BI72" s="1272"/>
      <c r="BJ72" s="1272"/>
      <c r="BK72" s="1272"/>
      <c r="BL72" s="1272"/>
      <c r="BM72" s="1272"/>
      <c r="BN72" s="1272"/>
      <c r="BO72" s="1273"/>
      <c r="BP72" s="1259" t="s">
        <v>566</v>
      </c>
      <c r="BQ72" s="1259"/>
      <c r="BR72" s="1259"/>
      <c r="BS72" s="1259"/>
      <c r="BT72" s="1259"/>
      <c r="BU72" s="1259"/>
      <c r="BV72" s="1259"/>
      <c r="BW72" s="1259"/>
      <c r="BX72" s="1259" t="s">
        <v>567</v>
      </c>
      <c r="BY72" s="1259"/>
      <c r="BZ72" s="1259"/>
      <c r="CA72" s="1259"/>
      <c r="CB72" s="1259"/>
      <c r="CC72" s="1259"/>
      <c r="CD72" s="1259"/>
      <c r="CE72" s="1259"/>
      <c r="CF72" s="1259" t="s">
        <v>568</v>
      </c>
      <c r="CG72" s="1259"/>
      <c r="CH72" s="1259"/>
      <c r="CI72" s="1259"/>
      <c r="CJ72" s="1259"/>
      <c r="CK72" s="1259"/>
      <c r="CL72" s="1259"/>
      <c r="CM72" s="1259"/>
      <c r="CN72" s="1259" t="s">
        <v>569</v>
      </c>
      <c r="CO72" s="1259"/>
      <c r="CP72" s="1259"/>
      <c r="CQ72" s="1259"/>
      <c r="CR72" s="1259"/>
      <c r="CS72" s="1259"/>
      <c r="CT72" s="1259"/>
      <c r="CU72" s="1259"/>
      <c r="CV72" s="1259" t="s">
        <v>570</v>
      </c>
      <c r="CW72" s="1259"/>
      <c r="CX72" s="1259"/>
      <c r="CY72" s="1259"/>
      <c r="CZ72" s="1259"/>
      <c r="DA72" s="1259"/>
      <c r="DB72" s="1259"/>
      <c r="DC72" s="1259"/>
    </row>
    <row r="73" spans="2:107" ht="13" x14ac:dyDescent="0.2">
      <c r="B73" s="372"/>
      <c r="G73" s="1270"/>
      <c r="H73" s="1270"/>
      <c r="I73" s="1270"/>
      <c r="J73" s="1270"/>
      <c r="K73" s="1254"/>
      <c r="L73" s="1254"/>
      <c r="M73" s="1254"/>
      <c r="N73" s="1254"/>
      <c r="AM73" s="381"/>
      <c r="AN73" s="1258" t="s">
        <v>597</v>
      </c>
      <c r="AO73" s="1258"/>
      <c r="AP73" s="1258"/>
      <c r="AQ73" s="1258"/>
      <c r="AR73" s="1258"/>
      <c r="AS73" s="1258"/>
      <c r="AT73" s="1258"/>
      <c r="AU73" s="1258"/>
      <c r="AV73" s="1258"/>
      <c r="AW73" s="1258"/>
      <c r="AX73" s="1258"/>
      <c r="AY73" s="1258"/>
      <c r="AZ73" s="1258"/>
      <c r="BA73" s="1258"/>
      <c r="BB73" s="1258" t="s">
        <v>598</v>
      </c>
      <c r="BC73" s="1258"/>
      <c r="BD73" s="1258"/>
      <c r="BE73" s="1258"/>
      <c r="BF73" s="1258"/>
      <c r="BG73" s="1258"/>
      <c r="BH73" s="1258"/>
      <c r="BI73" s="1258"/>
      <c r="BJ73" s="1258"/>
      <c r="BK73" s="1258"/>
      <c r="BL73" s="1258"/>
      <c r="BM73" s="1258"/>
      <c r="BN73" s="1258"/>
      <c r="BO73" s="1258"/>
      <c r="BP73" s="1255"/>
      <c r="BQ73" s="1255"/>
      <c r="BR73" s="1255"/>
      <c r="BS73" s="1255"/>
      <c r="BT73" s="1255"/>
      <c r="BU73" s="1255"/>
      <c r="BV73" s="1255"/>
      <c r="BW73" s="1255"/>
      <c r="BX73" s="1255"/>
      <c r="BY73" s="1255"/>
      <c r="BZ73" s="1255"/>
      <c r="CA73" s="1255"/>
      <c r="CB73" s="1255"/>
      <c r="CC73" s="1255"/>
      <c r="CD73" s="1255"/>
      <c r="CE73" s="1255"/>
      <c r="CF73" s="1255"/>
      <c r="CG73" s="1255"/>
      <c r="CH73" s="1255"/>
      <c r="CI73" s="1255"/>
      <c r="CJ73" s="1255"/>
      <c r="CK73" s="1255"/>
      <c r="CL73" s="1255"/>
      <c r="CM73" s="1255"/>
      <c r="CN73" s="1255"/>
      <c r="CO73" s="1255"/>
      <c r="CP73" s="1255"/>
      <c r="CQ73" s="1255"/>
      <c r="CR73" s="1255"/>
      <c r="CS73" s="1255"/>
      <c r="CT73" s="1255"/>
      <c r="CU73" s="1255"/>
      <c r="CV73" s="1255"/>
      <c r="CW73" s="1255"/>
      <c r="CX73" s="1255"/>
      <c r="CY73" s="1255"/>
      <c r="CZ73" s="1255"/>
      <c r="DA73" s="1255"/>
      <c r="DB73" s="1255"/>
      <c r="DC73" s="1255"/>
    </row>
    <row r="74" spans="2:107" ht="13" x14ac:dyDescent="0.2">
      <c r="B74" s="372"/>
      <c r="G74" s="1270"/>
      <c r="H74" s="1270"/>
      <c r="I74" s="1270"/>
      <c r="J74" s="1270"/>
      <c r="K74" s="1254"/>
      <c r="L74" s="1254"/>
      <c r="M74" s="1254"/>
      <c r="N74" s="1254"/>
      <c r="AM74" s="381"/>
      <c r="AN74" s="1258"/>
      <c r="AO74" s="1258"/>
      <c r="AP74" s="1258"/>
      <c r="AQ74" s="1258"/>
      <c r="AR74" s="1258"/>
      <c r="AS74" s="1258"/>
      <c r="AT74" s="1258"/>
      <c r="AU74" s="1258"/>
      <c r="AV74" s="1258"/>
      <c r="AW74" s="1258"/>
      <c r="AX74" s="1258"/>
      <c r="AY74" s="1258"/>
      <c r="AZ74" s="1258"/>
      <c r="BA74" s="1258"/>
      <c r="BB74" s="1258"/>
      <c r="BC74" s="1258"/>
      <c r="BD74" s="1258"/>
      <c r="BE74" s="1258"/>
      <c r="BF74" s="1258"/>
      <c r="BG74" s="1258"/>
      <c r="BH74" s="1258"/>
      <c r="BI74" s="1258"/>
      <c r="BJ74" s="1258"/>
      <c r="BK74" s="1258"/>
      <c r="BL74" s="1258"/>
      <c r="BM74" s="1258"/>
      <c r="BN74" s="1258"/>
      <c r="BO74" s="1258"/>
      <c r="BP74" s="1255"/>
      <c r="BQ74" s="1255"/>
      <c r="BR74" s="1255"/>
      <c r="BS74" s="1255"/>
      <c r="BT74" s="1255"/>
      <c r="BU74" s="1255"/>
      <c r="BV74" s="1255"/>
      <c r="BW74" s="1255"/>
      <c r="BX74" s="1255"/>
      <c r="BY74" s="1255"/>
      <c r="BZ74" s="1255"/>
      <c r="CA74" s="1255"/>
      <c r="CB74" s="1255"/>
      <c r="CC74" s="1255"/>
      <c r="CD74" s="1255"/>
      <c r="CE74" s="1255"/>
      <c r="CF74" s="1255"/>
      <c r="CG74" s="1255"/>
      <c r="CH74" s="1255"/>
      <c r="CI74" s="1255"/>
      <c r="CJ74" s="1255"/>
      <c r="CK74" s="1255"/>
      <c r="CL74" s="1255"/>
      <c r="CM74" s="1255"/>
      <c r="CN74" s="1255"/>
      <c r="CO74" s="1255"/>
      <c r="CP74" s="1255"/>
      <c r="CQ74" s="1255"/>
      <c r="CR74" s="1255"/>
      <c r="CS74" s="1255"/>
      <c r="CT74" s="1255"/>
      <c r="CU74" s="1255"/>
      <c r="CV74" s="1255"/>
      <c r="CW74" s="1255"/>
      <c r="CX74" s="1255"/>
      <c r="CY74" s="1255"/>
      <c r="CZ74" s="1255"/>
      <c r="DA74" s="1255"/>
      <c r="DB74" s="1255"/>
      <c r="DC74" s="1255"/>
    </row>
    <row r="75" spans="2:107" ht="13" x14ac:dyDescent="0.2">
      <c r="B75" s="372"/>
      <c r="G75" s="1270"/>
      <c r="H75" s="1270"/>
      <c r="I75" s="1253"/>
      <c r="J75" s="1253"/>
      <c r="K75" s="1260"/>
      <c r="L75" s="1260"/>
      <c r="M75" s="1260"/>
      <c r="N75" s="1260"/>
      <c r="AM75" s="381"/>
      <c r="AN75" s="1258"/>
      <c r="AO75" s="1258"/>
      <c r="AP75" s="1258"/>
      <c r="AQ75" s="1258"/>
      <c r="AR75" s="1258"/>
      <c r="AS75" s="1258"/>
      <c r="AT75" s="1258"/>
      <c r="AU75" s="1258"/>
      <c r="AV75" s="1258"/>
      <c r="AW75" s="1258"/>
      <c r="AX75" s="1258"/>
      <c r="AY75" s="1258"/>
      <c r="AZ75" s="1258"/>
      <c r="BA75" s="1258"/>
      <c r="BB75" s="1258" t="s">
        <v>602</v>
      </c>
      <c r="BC75" s="1258"/>
      <c r="BD75" s="1258"/>
      <c r="BE75" s="1258"/>
      <c r="BF75" s="1258"/>
      <c r="BG75" s="1258"/>
      <c r="BH75" s="1258"/>
      <c r="BI75" s="1258"/>
      <c r="BJ75" s="1258"/>
      <c r="BK75" s="1258"/>
      <c r="BL75" s="1258"/>
      <c r="BM75" s="1258"/>
      <c r="BN75" s="1258"/>
      <c r="BO75" s="1258"/>
      <c r="BP75" s="1255">
        <v>3.2</v>
      </c>
      <c r="BQ75" s="1255"/>
      <c r="BR75" s="1255"/>
      <c r="BS75" s="1255"/>
      <c r="BT75" s="1255"/>
      <c r="BU75" s="1255"/>
      <c r="BV75" s="1255"/>
      <c r="BW75" s="1255"/>
      <c r="BX75" s="1255">
        <v>3.2</v>
      </c>
      <c r="BY75" s="1255"/>
      <c r="BZ75" s="1255"/>
      <c r="CA75" s="1255"/>
      <c r="CB75" s="1255"/>
      <c r="CC75" s="1255"/>
      <c r="CD75" s="1255"/>
      <c r="CE75" s="1255"/>
      <c r="CF75" s="1255">
        <v>3</v>
      </c>
      <c r="CG75" s="1255"/>
      <c r="CH75" s="1255"/>
      <c r="CI75" s="1255"/>
      <c r="CJ75" s="1255"/>
      <c r="CK75" s="1255"/>
      <c r="CL75" s="1255"/>
      <c r="CM75" s="1255"/>
      <c r="CN75" s="1255">
        <v>3.1</v>
      </c>
      <c r="CO75" s="1255"/>
      <c r="CP75" s="1255"/>
      <c r="CQ75" s="1255"/>
      <c r="CR75" s="1255"/>
      <c r="CS75" s="1255"/>
      <c r="CT75" s="1255"/>
      <c r="CU75" s="1255"/>
      <c r="CV75" s="1255">
        <v>3.3</v>
      </c>
      <c r="CW75" s="1255"/>
      <c r="CX75" s="1255"/>
      <c r="CY75" s="1255"/>
      <c r="CZ75" s="1255"/>
      <c r="DA75" s="1255"/>
      <c r="DB75" s="1255"/>
      <c r="DC75" s="1255"/>
    </row>
    <row r="76" spans="2:107" ht="13" x14ac:dyDescent="0.2">
      <c r="B76" s="372"/>
      <c r="G76" s="1270"/>
      <c r="H76" s="1270"/>
      <c r="I76" s="1253"/>
      <c r="J76" s="1253"/>
      <c r="K76" s="1260"/>
      <c r="L76" s="1260"/>
      <c r="M76" s="1260"/>
      <c r="N76" s="1260"/>
      <c r="AM76" s="381"/>
      <c r="AN76" s="1258"/>
      <c r="AO76" s="1258"/>
      <c r="AP76" s="1258"/>
      <c r="AQ76" s="1258"/>
      <c r="AR76" s="1258"/>
      <c r="AS76" s="1258"/>
      <c r="AT76" s="1258"/>
      <c r="AU76" s="1258"/>
      <c r="AV76" s="1258"/>
      <c r="AW76" s="1258"/>
      <c r="AX76" s="1258"/>
      <c r="AY76" s="1258"/>
      <c r="AZ76" s="1258"/>
      <c r="BA76" s="1258"/>
      <c r="BB76" s="1258"/>
      <c r="BC76" s="1258"/>
      <c r="BD76" s="1258"/>
      <c r="BE76" s="1258"/>
      <c r="BF76" s="1258"/>
      <c r="BG76" s="1258"/>
      <c r="BH76" s="1258"/>
      <c r="BI76" s="1258"/>
      <c r="BJ76" s="1258"/>
      <c r="BK76" s="1258"/>
      <c r="BL76" s="1258"/>
      <c r="BM76" s="1258"/>
      <c r="BN76" s="1258"/>
      <c r="BO76" s="1258"/>
      <c r="BP76" s="1255"/>
      <c r="BQ76" s="1255"/>
      <c r="BR76" s="1255"/>
      <c r="BS76" s="1255"/>
      <c r="BT76" s="1255"/>
      <c r="BU76" s="1255"/>
      <c r="BV76" s="1255"/>
      <c r="BW76" s="1255"/>
      <c r="BX76" s="1255"/>
      <c r="BY76" s="1255"/>
      <c r="BZ76" s="1255"/>
      <c r="CA76" s="1255"/>
      <c r="CB76" s="1255"/>
      <c r="CC76" s="1255"/>
      <c r="CD76" s="1255"/>
      <c r="CE76" s="1255"/>
      <c r="CF76" s="1255"/>
      <c r="CG76" s="1255"/>
      <c r="CH76" s="1255"/>
      <c r="CI76" s="1255"/>
      <c r="CJ76" s="1255"/>
      <c r="CK76" s="1255"/>
      <c r="CL76" s="1255"/>
      <c r="CM76" s="1255"/>
      <c r="CN76" s="1255"/>
      <c r="CO76" s="1255"/>
      <c r="CP76" s="1255"/>
      <c r="CQ76" s="1255"/>
      <c r="CR76" s="1255"/>
      <c r="CS76" s="1255"/>
      <c r="CT76" s="1255"/>
      <c r="CU76" s="1255"/>
      <c r="CV76" s="1255"/>
      <c r="CW76" s="1255"/>
      <c r="CX76" s="1255"/>
      <c r="CY76" s="1255"/>
      <c r="CZ76" s="1255"/>
      <c r="DA76" s="1255"/>
      <c r="DB76" s="1255"/>
      <c r="DC76" s="1255"/>
    </row>
    <row r="77" spans="2:107" ht="13" x14ac:dyDescent="0.2">
      <c r="B77" s="372"/>
      <c r="G77" s="1253"/>
      <c r="H77" s="1253"/>
      <c r="I77" s="1253"/>
      <c r="J77" s="1253"/>
      <c r="K77" s="1254"/>
      <c r="L77" s="1254"/>
      <c r="M77" s="1254"/>
      <c r="N77" s="1254"/>
      <c r="AN77" s="1259" t="s">
        <v>600</v>
      </c>
      <c r="AO77" s="1259"/>
      <c r="AP77" s="1259"/>
      <c r="AQ77" s="1259"/>
      <c r="AR77" s="1259"/>
      <c r="AS77" s="1259"/>
      <c r="AT77" s="1259"/>
      <c r="AU77" s="1259"/>
      <c r="AV77" s="1259"/>
      <c r="AW77" s="1259"/>
      <c r="AX77" s="1259"/>
      <c r="AY77" s="1259"/>
      <c r="AZ77" s="1259"/>
      <c r="BA77" s="1259"/>
      <c r="BB77" s="1258" t="s">
        <v>598</v>
      </c>
      <c r="BC77" s="1258"/>
      <c r="BD77" s="1258"/>
      <c r="BE77" s="1258"/>
      <c r="BF77" s="1258"/>
      <c r="BG77" s="1258"/>
      <c r="BH77" s="1258"/>
      <c r="BI77" s="1258"/>
      <c r="BJ77" s="1258"/>
      <c r="BK77" s="1258"/>
      <c r="BL77" s="1258"/>
      <c r="BM77" s="1258"/>
      <c r="BN77" s="1258"/>
      <c r="BO77" s="1258"/>
      <c r="BP77" s="1255">
        <v>18.2</v>
      </c>
      <c r="BQ77" s="1255"/>
      <c r="BR77" s="1255"/>
      <c r="BS77" s="1255"/>
      <c r="BT77" s="1255"/>
      <c r="BU77" s="1255"/>
      <c r="BV77" s="1255"/>
      <c r="BW77" s="1255"/>
      <c r="BX77" s="1255">
        <v>20.3</v>
      </c>
      <c r="BY77" s="1255"/>
      <c r="BZ77" s="1255"/>
      <c r="CA77" s="1255"/>
      <c r="CB77" s="1255"/>
      <c r="CC77" s="1255"/>
      <c r="CD77" s="1255"/>
      <c r="CE77" s="1255"/>
      <c r="CF77" s="1255">
        <v>15.5</v>
      </c>
      <c r="CG77" s="1255"/>
      <c r="CH77" s="1255"/>
      <c r="CI77" s="1255"/>
      <c r="CJ77" s="1255"/>
      <c r="CK77" s="1255"/>
      <c r="CL77" s="1255"/>
      <c r="CM77" s="1255"/>
      <c r="CN77" s="1255">
        <v>4.5999999999999996</v>
      </c>
      <c r="CO77" s="1255"/>
      <c r="CP77" s="1255"/>
      <c r="CQ77" s="1255"/>
      <c r="CR77" s="1255"/>
      <c r="CS77" s="1255"/>
      <c r="CT77" s="1255"/>
      <c r="CU77" s="1255"/>
      <c r="CV77" s="1255">
        <v>1.6</v>
      </c>
      <c r="CW77" s="1255"/>
      <c r="CX77" s="1255"/>
      <c r="CY77" s="1255"/>
      <c r="CZ77" s="1255"/>
      <c r="DA77" s="1255"/>
      <c r="DB77" s="1255"/>
      <c r="DC77" s="1255"/>
    </row>
    <row r="78" spans="2:107" ht="13" x14ac:dyDescent="0.2">
      <c r="B78" s="372"/>
      <c r="G78" s="1253"/>
      <c r="H78" s="1253"/>
      <c r="I78" s="1253"/>
      <c r="J78" s="1253"/>
      <c r="K78" s="1254"/>
      <c r="L78" s="1254"/>
      <c r="M78" s="1254"/>
      <c r="N78" s="1254"/>
      <c r="AN78" s="1259"/>
      <c r="AO78" s="1259"/>
      <c r="AP78" s="1259"/>
      <c r="AQ78" s="1259"/>
      <c r="AR78" s="1259"/>
      <c r="AS78" s="1259"/>
      <c r="AT78" s="1259"/>
      <c r="AU78" s="1259"/>
      <c r="AV78" s="1259"/>
      <c r="AW78" s="1259"/>
      <c r="AX78" s="1259"/>
      <c r="AY78" s="1259"/>
      <c r="AZ78" s="1259"/>
      <c r="BA78" s="1259"/>
      <c r="BB78" s="1258"/>
      <c r="BC78" s="1258"/>
      <c r="BD78" s="1258"/>
      <c r="BE78" s="1258"/>
      <c r="BF78" s="1258"/>
      <c r="BG78" s="1258"/>
      <c r="BH78" s="1258"/>
      <c r="BI78" s="1258"/>
      <c r="BJ78" s="1258"/>
      <c r="BK78" s="1258"/>
      <c r="BL78" s="1258"/>
      <c r="BM78" s="1258"/>
      <c r="BN78" s="1258"/>
      <c r="BO78" s="1258"/>
      <c r="BP78" s="1255"/>
      <c r="BQ78" s="1255"/>
      <c r="BR78" s="1255"/>
      <c r="BS78" s="1255"/>
      <c r="BT78" s="1255"/>
      <c r="BU78" s="1255"/>
      <c r="BV78" s="1255"/>
      <c r="BW78" s="1255"/>
      <c r="BX78" s="1255"/>
      <c r="BY78" s="1255"/>
      <c r="BZ78" s="1255"/>
      <c r="CA78" s="1255"/>
      <c r="CB78" s="1255"/>
      <c r="CC78" s="1255"/>
      <c r="CD78" s="1255"/>
      <c r="CE78" s="1255"/>
      <c r="CF78" s="1255"/>
      <c r="CG78" s="1255"/>
      <c r="CH78" s="1255"/>
      <c r="CI78" s="1255"/>
      <c r="CJ78" s="1255"/>
      <c r="CK78" s="1255"/>
      <c r="CL78" s="1255"/>
      <c r="CM78" s="1255"/>
      <c r="CN78" s="1255"/>
      <c r="CO78" s="1255"/>
      <c r="CP78" s="1255"/>
      <c r="CQ78" s="1255"/>
      <c r="CR78" s="1255"/>
      <c r="CS78" s="1255"/>
      <c r="CT78" s="1255"/>
      <c r="CU78" s="1255"/>
      <c r="CV78" s="1255"/>
      <c r="CW78" s="1255"/>
      <c r="CX78" s="1255"/>
      <c r="CY78" s="1255"/>
      <c r="CZ78" s="1255"/>
      <c r="DA78" s="1255"/>
      <c r="DB78" s="1255"/>
      <c r="DC78" s="1255"/>
    </row>
    <row r="79" spans="2:107" ht="13" x14ac:dyDescent="0.2">
      <c r="B79" s="372"/>
      <c r="G79" s="1253"/>
      <c r="H79" s="1253"/>
      <c r="I79" s="1256"/>
      <c r="J79" s="1256"/>
      <c r="K79" s="1257"/>
      <c r="L79" s="1257"/>
      <c r="M79" s="1257"/>
      <c r="N79" s="1257"/>
      <c r="AN79" s="1259"/>
      <c r="AO79" s="1259"/>
      <c r="AP79" s="1259"/>
      <c r="AQ79" s="1259"/>
      <c r="AR79" s="1259"/>
      <c r="AS79" s="1259"/>
      <c r="AT79" s="1259"/>
      <c r="AU79" s="1259"/>
      <c r="AV79" s="1259"/>
      <c r="AW79" s="1259"/>
      <c r="AX79" s="1259"/>
      <c r="AY79" s="1259"/>
      <c r="AZ79" s="1259"/>
      <c r="BA79" s="1259"/>
      <c r="BB79" s="1258" t="s">
        <v>602</v>
      </c>
      <c r="BC79" s="1258"/>
      <c r="BD79" s="1258"/>
      <c r="BE79" s="1258"/>
      <c r="BF79" s="1258"/>
      <c r="BG79" s="1258"/>
      <c r="BH79" s="1258"/>
      <c r="BI79" s="1258"/>
      <c r="BJ79" s="1258"/>
      <c r="BK79" s="1258"/>
      <c r="BL79" s="1258"/>
      <c r="BM79" s="1258"/>
      <c r="BN79" s="1258"/>
      <c r="BO79" s="1258"/>
      <c r="BP79" s="1255">
        <v>6.8</v>
      </c>
      <c r="BQ79" s="1255"/>
      <c r="BR79" s="1255"/>
      <c r="BS79" s="1255"/>
      <c r="BT79" s="1255"/>
      <c r="BU79" s="1255"/>
      <c r="BV79" s="1255"/>
      <c r="BW79" s="1255"/>
      <c r="BX79" s="1255">
        <v>6.6</v>
      </c>
      <c r="BY79" s="1255"/>
      <c r="BZ79" s="1255"/>
      <c r="CA79" s="1255"/>
      <c r="CB79" s="1255"/>
      <c r="CC79" s="1255"/>
      <c r="CD79" s="1255"/>
      <c r="CE79" s="1255"/>
      <c r="CF79" s="1255">
        <v>6.4</v>
      </c>
      <c r="CG79" s="1255"/>
      <c r="CH79" s="1255"/>
      <c r="CI79" s="1255"/>
      <c r="CJ79" s="1255"/>
      <c r="CK79" s="1255"/>
      <c r="CL79" s="1255"/>
      <c r="CM79" s="1255"/>
      <c r="CN79" s="1255">
        <v>6.3</v>
      </c>
      <c r="CO79" s="1255"/>
      <c r="CP79" s="1255"/>
      <c r="CQ79" s="1255"/>
      <c r="CR79" s="1255"/>
      <c r="CS79" s="1255"/>
      <c r="CT79" s="1255"/>
      <c r="CU79" s="1255"/>
      <c r="CV79" s="1255">
        <v>6.6</v>
      </c>
      <c r="CW79" s="1255"/>
      <c r="CX79" s="1255"/>
      <c r="CY79" s="1255"/>
      <c r="CZ79" s="1255"/>
      <c r="DA79" s="1255"/>
      <c r="DB79" s="1255"/>
      <c r="DC79" s="1255"/>
    </row>
    <row r="80" spans="2:107" ht="13" x14ac:dyDescent="0.2">
      <c r="B80" s="372"/>
      <c r="G80" s="1253"/>
      <c r="H80" s="1253"/>
      <c r="I80" s="1256"/>
      <c r="J80" s="1256"/>
      <c r="K80" s="1257"/>
      <c r="L80" s="1257"/>
      <c r="M80" s="1257"/>
      <c r="N80" s="1257"/>
      <c r="AN80" s="1259"/>
      <c r="AO80" s="1259"/>
      <c r="AP80" s="1259"/>
      <c r="AQ80" s="1259"/>
      <c r="AR80" s="1259"/>
      <c r="AS80" s="1259"/>
      <c r="AT80" s="1259"/>
      <c r="AU80" s="1259"/>
      <c r="AV80" s="1259"/>
      <c r="AW80" s="1259"/>
      <c r="AX80" s="1259"/>
      <c r="AY80" s="1259"/>
      <c r="AZ80" s="1259"/>
      <c r="BA80" s="1259"/>
      <c r="BB80" s="1258"/>
      <c r="BC80" s="1258"/>
      <c r="BD80" s="1258"/>
      <c r="BE80" s="1258"/>
      <c r="BF80" s="1258"/>
      <c r="BG80" s="1258"/>
      <c r="BH80" s="1258"/>
      <c r="BI80" s="1258"/>
      <c r="BJ80" s="1258"/>
      <c r="BK80" s="1258"/>
      <c r="BL80" s="1258"/>
      <c r="BM80" s="1258"/>
      <c r="BN80" s="1258"/>
      <c r="BO80" s="1258"/>
      <c r="BP80" s="1255"/>
      <c r="BQ80" s="1255"/>
      <c r="BR80" s="1255"/>
      <c r="BS80" s="1255"/>
      <c r="BT80" s="1255"/>
      <c r="BU80" s="1255"/>
      <c r="BV80" s="1255"/>
      <c r="BW80" s="1255"/>
      <c r="BX80" s="1255"/>
      <c r="BY80" s="1255"/>
      <c r="BZ80" s="1255"/>
      <c r="CA80" s="1255"/>
      <c r="CB80" s="1255"/>
      <c r="CC80" s="1255"/>
      <c r="CD80" s="1255"/>
      <c r="CE80" s="1255"/>
      <c r="CF80" s="1255"/>
      <c r="CG80" s="1255"/>
      <c r="CH80" s="1255"/>
      <c r="CI80" s="1255"/>
      <c r="CJ80" s="1255"/>
      <c r="CK80" s="1255"/>
      <c r="CL80" s="1255"/>
      <c r="CM80" s="1255"/>
      <c r="CN80" s="1255"/>
      <c r="CO80" s="1255"/>
      <c r="CP80" s="1255"/>
      <c r="CQ80" s="1255"/>
      <c r="CR80" s="1255"/>
      <c r="CS80" s="1255"/>
      <c r="CT80" s="1255"/>
      <c r="CU80" s="1255"/>
      <c r="CV80" s="1255"/>
      <c r="CW80" s="1255"/>
      <c r="CX80" s="1255"/>
      <c r="CY80" s="1255"/>
      <c r="CZ80" s="1255"/>
      <c r="DA80" s="1255"/>
      <c r="DB80" s="1255"/>
      <c r="DC80" s="1255"/>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eudUKvWBWmY920JKceB/YW0LibZVP+bRBIkr7kHyflI7dPsy1amZMrOkGro56uGxEcQN8VBlTw+qu/7sggm+jQ==" saltValue="6YteZPS2Zls+m1/cy24MaA=="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3</v>
      </c>
    </row>
  </sheetData>
  <sheetProtection algorithmName="SHA-512" hashValue="O9Cy4gJdqcjAZzb6eTc7/8lVp8qQPvcY0iVE66kr/rnC6JSgrPVZghD6pY68bdBsYbQ5htGXzuJVLvidOZyh1g==" saltValue="uDZixmCSirPge498ZFVHC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3</v>
      </c>
    </row>
  </sheetData>
  <sheetProtection algorithmName="SHA-512" hashValue="2q7Yuwu05kxQjLqa9145QfpI7NHsYQ9fqg3L1y5ubdSn6MwxXTXGhG7kDd72QYnrZ3Wsxrzl1+h1M7acElgfUA==" saltValue="7bvzGWtRddVaLKzv/S6pV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63</v>
      </c>
      <c r="G2" s="151"/>
      <c r="H2" s="152"/>
    </row>
    <row r="3" spans="1:8" x14ac:dyDescent="0.2">
      <c r="A3" s="148" t="s">
        <v>556</v>
      </c>
      <c r="B3" s="153"/>
      <c r="C3" s="154"/>
      <c r="D3" s="155">
        <v>18293</v>
      </c>
      <c r="E3" s="156"/>
      <c r="F3" s="157">
        <v>47387</v>
      </c>
      <c r="G3" s="158"/>
      <c r="H3" s="159"/>
    </row>
    <row r="4" spans="1:8" x14ac:dyDescent="0.2">
      <c r="A4" s="160"/>
      <c r="B4" s="161"/>
      <c r="C4" s="162"/>
      <c r="D4" s="163">
        <v>14632</v>
      </c>
      <c r="E4" s="164"/>
      <c r="F4" s="165">
        <v>24928</v>
      </c>
      <c r="G4" s="166"/>
      <c r="H4" s="167"/>
    </row>
    <row r="5" spans="1:8" x14ac:dyDescent="0.2">
      <c r="A5" s="148" t="s">
        <v>558</v>
      </c>
      <c r="B5" s="153"/>
      <c r="C5" s="154"/>
      <c r="D5" s="155">
        <v>19704</v>
      </c>
      <c r="E5" s="156"/>
      <c r="F5" s="157">
        <v>51264</v>
      </c>
      <c r="G5" s="158"/>
      <c r="H5" s="159"/>
    </row>
    <row r="6" spans="1:8" x14ac:dyDescent="0.2">
      <c r="A6" s="160"/>
      <c r="B6" s="161"/>
      <c r="C6" s="162"/>
      <c r="D6" s="163">
        <v>10816</v>
      </c>
      <c r="E6" s="164"/>
      <c r="F6" s="165">
        <v>26040</v>
      </c>
      <c r="G6" s="166"/>
      <c r="H6" s="167"/>
    </row>
    <row r="7" spans="1:8" x14ac:dyDescent="0.2">
      <c r="A7" s="148" t="s">
        <v>559</v>
      </c>
      <c r="B7" s="153"/>
      <c r="C7" s="154"/>
      <c r="D7" s="155">
        <v>38293</v>
      </c>
      <c r="E7" s="156"/>
      <c r="F7" s="157">
        <v>52068</v>
      </c>
      <c r="G7" s="158"/>
      <c r="H7" s="159"/>
    </row>
    <row r="8" spans="1:8" x14ac:dyDescent="0.2">
      <c r="A8" s="160"/>
      <c r="B8" s="161"/>
      <c r="C8" s="162"/>
      <c r="D8" s="163">
        <v>27837</v>
      </c>
      <c r="E8" s="164"/>
      <c r="F8" s="165">
        <v>26936</v>
      </c>
      <c r="G8" s="166"/>
      <c r="H8" s="167"/>
    </row>
    <row r="9" spans="1:8" x14ac:dyDescent="0.2">
      <c r="A9" s="148" t="s">
        <v>560</v>
      </c>
      <c r="B9" s="153"/>
      <c r="C9" s="154"/>
      <c r="D9" s="155">
        <v>24767</v>
      </c>
      <c r="E9" s="156"/>
      <c r="F9" s="157">
        <v>47161</v>
      </c>
      <c r="G9" s="158"/>
      <c r="H9" s="159"/>
    </row>
    <row r="10" spans="1:8" x14ac:dyDescent="0.2">
      <c r="A10" s="160"/>
      <c r="B10" s="161"/>
      <c r="C10" s="162"/>
      <c r="D10" s="163">
        <v>15411</v>
      </c>
      <c r="E10" s="164"/>
      <c r="F10" s="165">
        <v>24595</v>
      </c>
      <c r="G10" s="166"/>
      <c r="H10" s="167"/>
    </row>
    <row r="11" spans="1:8" x14ac:dyDescent="0.2">
      <c r="A11" s="148" t="s">
        <v>561</v>
      </c>
      <c r="B11" s="153"/>
      <c r="C11" s="154"/>
      <c r="D11" s="155">
        <v>33173</v>
      </c>
      <c r="E11" s="156"/>
      <c r="F11" s="157">
        <v>43423</v>
      </c>
      <c r="G11" s="158"/>
      <c r="H11" s="159"/>
    </row>
    <row r="12" spans="1:8" x14ac:dyDescent="0.2">
      <c r="A12" s="160"/>
      <c r="B12" s="161"/>
      <c r="C12" s="168"/>
      <c r="D12" s="163">
        <v>30937</v>
      </c>
      <c r="E12" s="164"/>
      <c r="F12" s="165">
        <v>22207</v>
      </c>
      <c r="G12" s="166"/>
      <c r="H12" s="167"/>
    </row>
    <row r="13" spans="1:8" x14ac:dyDescent="0.2">
      <c r="A13" s="148"/>
      <c r="B13" s="153"/>
      <c r="C13" s="169"/>
      <c r="D13" s="170">
        <v>26846</v>
      </c>
      <c r="E13" s="171"/>
      <c r="F13" s="172">
        <v>48261</v>
      </c>
      <c r="G13" s="173"/>
      <c r="H13" s="159"/>
    </row>
    <row r="14" spans="1:8" x14ac:dyDescent="0.2">
      <c r="A14" s="160"/>
      <c r="B14" s="161"/>
      <c r="C14" s="162"/>
      <c r="D14" s="163">
        <v>19927</v>
      </c>
      <c r="E14" s="164"/>
      <c r="F14" s="165">
        <v>24941</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11.73</v>
      </c>
      <c r="C19" s="174">
        <f>ROUND(VALUE(SUBSTITUTE(実質収支比率等に係る経年分析!G$48,"▲","-")),2)</f>
        <v>11.55</v>
      </c>
      <c r="D19" s="174">
        <f>ROUND(VALUE(SUBSTITUTE(実質収支比率等に係る経年分析!H$48,"▲","-")),2)</f>
        <v>10.07</v>
      </c>
      <c r="E19" s="174">
        <f>ROUND(VALUE(SUBSTITUTE(実質収支比率等に係る経年分析!I$48,"▲","-")),2)</f>
        <v>22.76</v>
      </c>
      <c r="F19" s="174">
        <f>ROUND(VALUE(SUBSTITUTE(実質収支比率等に係る経年分析!J$48,"▲","-")),2)</f>
        <v>18.829999999999998</v>
      </c>
    </row>
    <row r="20" spans="1:11" x14ac:dyDescent="0.2">
      <c r="A20" s="174" t="s">
        <v>57</v>
      </c>
      <c r="B20" s="174">
        <f>ROUND(VALUE(SUBSTITUTE(実質収支比率等に係る経年分析!F$47,"▲","-")),2)</f>
        <v>20.63</v>
      </c>
      <c r="C20" s="174">
        <f>ROUND(VALUE(SUBSTITUTE(実質収支比率等に係る経年分析!G$47,"▲","-")),2)</f>
        <v>24.21</v>
      </c>
      <c r="D20" s="174">
        <f>ROUND(VALUE(SUBSTITUTE(実質収支比率等に係る経年分析!H$47,"▲","-")),2)</f>
        <v>24.56</v>
      </c>
      <c r="E20" s="174">
        <f>ROUND(VALUE(SUBSTITUTE(実質収支比率等に係る経年分析!I$47,"▲","-")),2)</f>
        <v>26.77</v>
      </c>
      <c r="F20" s="174">
        <f>ROUND(VALUE(SUBSTITUTE(実質収支比率等に係る経年分析!J$47,"▲","-")),2)</f>
        <v>30.84</v>
      </c>
    </row>
    <row r="21" spans="1:11" x14ac:dyDescent="0.2">
      <c r="A21" s="174" t="s">
        <v>58</v>
      </c>
      <c r="B21" s="174">
        <f>IF(ISNUMBER(VALUE(SUBSTITUTE(実質収支比率等に係る経年分析!F$49,"▲","-"))),ROUND(VALUE(SUBSTITUTE(実質収支比率等に係る経年分析!F$49,"▲","-")),2),NA())</f>
        <v>5.58</v>
      </c>
      <c r="C21" s="174">
        <f>IF(ISNUMBER(VALUE(SUBSTITUTE(実質収支比率等に係る経年分析!G$49,"▲","-"))),ROUND(VALUE(SUBSTITUTE(実質収支比率等に係る経年分析!G$49,"▲","-")),2),NA())</f>
        <v>3.42</v>
      </c>
      <c r="D21" s="174">
        <f>IF(ISNUMBER(VALUE(SUBSTITUTE(実質収支比率等に係る経年分析!H$49,"▲","-"))),ROUND(VALUE(SUBSTITUTE(実質収支比率等に係る経年分析!H$49,"▲","-")),2),NA())</f>
        <v>0.74</v>
      </c>
      <c r="E21" s="174">
        <f>IF(ISNUMBER(VALUE(SUBSTITUTE(実質収支比率等に係る経年分析!I$49,"▲","-"))),ROUND(VALUE(SUBSTITUTE(実質収支比率等に係る経年分析!I$49,"▲","-")),2),NA())</f>
        <v>13.65</v>
      </c>
      <c r="F21" s="174">
        <f>IF(ISNUMBER(VALUE(SUBSTITUTE(実質収支比率等に係る経年分析!J$49,"▲","-"))),ROUND(VALUE(SUBSTITUTE(実質収支比率等に係る経年分析!J$49,"▲","-")),2),NA())</f>
        <v>4.21</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後期高齢者医療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2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26</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28000000000000003</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62</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28000000000000003</v>
      </c>
    </row>
    <row r="33" spans="1:16" x14ac:dyDescent="0.2">
      <c r="A33" s="175" t="str">
        <f>IF(連結実質赤字比率に係る赤字・黒字の構成分析!C$37="",NA(),連結実質赤字比率に係る赤字・黒字の構成分析!C$37)</f>
        <v>下水道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33</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1000000000000001</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26</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24</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1499999999999999</v>
      </c>
    </row>
    <row r="34" spans="1:16" x14ac:dyDescent="0.2">
      <c r="A34" s="175" t="str">
        <f>IF(連結実質赤字比率に係る赤字・黒字の構成分析!C$36="",NA(),連結実質赤字比率に係る赤字・黒字の構成分析!C$36)</f>
        <v>国民健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1.4</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61</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0499999999999998</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89</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39</v>
      </c>
    </row>
    <row r="35" spans="1:16" x14ac:dyDescent="0.2">
      <c r="A35" s="175" t="str">
        <f>IF(連結実質赤字比率に係る赤字・黒字の構成分析!C$35="",NA(),連結実質赤字比率に係る赤字・黒字の構成分析!C$35)</f>
        <v>介護保険事業特別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2.6</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3.26</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3.65</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6</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2.2200000000000002</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1.73</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1.55</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0.07</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22.76</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8.829999999999998</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1193</v>
      </c>
      <c r="E42" s="176"/>
      <c r="F42" s="176"/>
      <c r="G42" s="176">
        <f>'実質公債費比率（分子）の構造'!L$52</f>
        <v>1034</v>
      </c>
      <c r="H42" s="176"/>
      <c r="I42" s="176"/>
      <c r="J42" s="176">
        <f>'実質公債費比率（分子）の構造'!M$52</f>
        <v>1127</v>
      </c>
      <c r="K42" s="176"/>
      <c r="L42" s="176"/>
      <c r="M42" s="176">
        <f>'実質公債費比率（分子）の構造'!N$52</f>
        <v>1073</v>
      </c>
      <c r="N42" s="176"/>
      <c r="O42" s="176"/>
      <c r="P42" s="176">
        <f>'実質公債費比率（分子）の構造'!O$52</f>
        <v>1020</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99</v>
      </c>
      <c r="C44" s="176"/>
      <c r="D44" s="176"/>
      <c r="E44" s="176">
        <f>'実質公債費比率（分子）の構造'!L$50</f>
        <v>99</v>
      </c>
      <c r="F44" s="176"/>
      <c r="G44" s="176"/>
      <c r="H44" s="176">
        <f>'実質公債費比率（分子）の構造'!M$50</f>
        <v>99</v>
      </c>
      <c r="I44" s="176"/>
      <c r="J44" s="176"/>
      <c r="K44" s="176">
        <f>'実質公債費比率（分子）の構造'!N$50</f>
        <v>99</v>
      </c>
      <c r="L44" s="176"/>
      <c r="M44" s="176"/>
      <c r="N44" s="176">
        <f>'実質公債費比率（分子）の構造'!O$50</f>
        <v>125</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9</v>
      </c>
      <c r="B46" s="176">
        <f>'実質公債費比率（分子）の構造'!K$48</f>
        <v>250</v>
      </c>
      <c r="C46" s="176"/>
      <c r="D46" s="176"/>
      <c r="E46" s="176">
        <f>'実質公債費比率（分子）の構造'!L$48</f>
        <v>248</v>
      </c>
      <c r="F46" s="176"/>
      <c r="G46" s="176"/>
      <c r="H46" s="176">
        <f>'実質公債費比率（分子）の構造'!M$48</f>
        <v>202</v>
      </c>
      <c r="I46" s="176"/>
      <c r="J46" s="176"/>
      <c r="K46" s="176">
        <f>'実質公債費比率（分子）の構造'!N$48</f>
        <v>195</v>
      </c>
      <c r="L46" s="176"/>
      <c r="M46" s="176"/>
      <c r="N46" s="176">
        <f>'実質公債費比率（分子）の構造'!O$48</f>
        <v>212</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1139</v>
      </c>
      <c r="C49" s="176"/>
      <c r="D49" s="176"/>
      <c r="E49" s="176">
        <f>'実質公債費比率（分子）の構造'!L$45</f>
        <v>980</v>
      </c>
      <c r="F49" s="176"/>
      <c r="G49" s="176"/>
      <c r="H49" s="176">
        <f>'実質公債費比率（分子）の構造'!M$45</f>
        <v>1032</v>
      </c>
      <c r="I49" s="176"/>
      <c r="J49" s="176"/>
      <c r="K49" s="176">
        <f>'実質公債費比率（分子）の構造'!N$45</f>
        <v>1099</v>
      </c>
      <c r="L49" s="176"/>
      <c r="M49" s="176"/>
      <c r="N49" s="176">
        <f>'実質公債費比率（分子）の構造'!O$45</f>
        <v>1083</v>
      </c>
      <c r="O49" s="176"/>
      <c r="P49" s="176"/>
    </row>
    <row r="50" spans="1:16" x14ac:dyDescent="0.2">
      <c r="A50" s="176" t="s">
        <v>73</v>
      </c>
      <c r="B50" s="176" t="e">
        <f>NA()</f>
        <v>#N/A</v>
      </c>
      <c r="C50" s="176">
        <f>IF(ISNUMBER('実質公債費比率（分子）の構造'!K$53),'実質公債費比率（分子）の構造'!K$53,NA())</f>
        <v>295</v>
      </c>
      <c r="D50" s="176" t="e">
        <f>NA()</f>
        <v>#N/A</v>
      </c>
      <c r="E50" s="176" t="e">
        <f>NA()</f>
        <v>#N/A</v>
      </c>
      <c r="F50" s="176">
        <f>IF(ISNUMBER('実質公債費比率（分子）の構造'!L$53),'実質公債費比率（分子）の構造'!L$53,NA())</f>
        <v>293</v>
      </c>
      <c r="G50" s="176" t="e">
        <f>NA()</f>
        <v>#N/A</v>
      </c>
      <c r="H50" s="176" t="e">
        <f>NA()</f>
        <v>#N/A</v>
      </c>
      <c r="I50" s="176">
        <f>IF(ISNUMBER('実質公債費比率（分子）の構造'!M$53),'実質公債費比率（分子）の構造'!M$53,NA())</f>
        <v>206</v>
      </c>
      <c r="J50" s="176" t="e">
        <f>NA()</f>
        <v>#N/A</v>
      </c>
      <c r="K50" s="176" t="e">
        <f>NA()</f>
        <v>#N/A</v>
      </c>
      <c r="L50" s="176">
        <f>IF(ISNUMBER('実質公債費比率（分子）の構造'!N$53),'実質公債費比率（分子）の構造'!N$53,NA())</f>
        <v>320</v>
      </c>
      <c r="M50" s="176" t="e">
        <f>NA()</f>
        <v>#N/A</v>
      </c>
      <c r="N50" s="176" t="e">
        <f>NA()</f>
        <v>#N/A</v>
      </c>
      <c r="O50" s="176">
        <f>IF(ISNUMBER('実質公債費比率（分子）の構造'!O$53),'実質公債費比率（分子）の構造'!O$53,NA())</f>
        <v>400</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6777</v>
      </c>
      <c r="E56" s="175"/>
      <c r="F56" s="175"/>
      <c r="G56" s="175">
        <f>'将来負担比率（分子）の構造'!J$52</f>
        <v>6223</v>
      </c>
      <c r="H56" s="175"/>
      <c r="I56" s="175"/>
      <c r="J56" s="175">
        <f>'将来負担比率（分子）の構造'!K$52</f>
        <v>5643</v>
      </c>
      <c r="K56" s="175"/>
      <c r="L56" s="175"/>
      <c r="M56" s="175">
        <f>'将来負担比率（分子）の構造'!L$52</f>
        <v>5280</v>
      </c>
      <c r="N56" s="175"/>
      <c r="O56" s="175"/>
      <c r="P56" s="175">
        <f>'将来負担比率（分子）の構造'!M$52</f>
        <v>4900</v>
      </c>
    </row>
    <row r="57" spans="1:16" x14ac:dyDescent="0.2">
      <c r="A57" s="175" t="s">
        <v>44</v>
      </c>
      <c r="B57" s="175"/>
      <c r="C57" s="175"/>
      <c r="D57" s="175">
        <f>'将来負担比率（分子）の構造'!I$51</f>
        <v>2294</v>
      </c>
      <c r="E57" s="175"/>
      <c r="F57" s="175"/>
      <c r="G57" s="175">
        <f>'将来負担比率（分子）の構造'!J$51</f>
        <v>2325</v>
      </c>
      <c r="H57" s="175"/>
      <c r="I57" s="175"/>
      <c r="J57" s="175">
        <f>'将来負担比率（分子）の構造'!K$51</f>
        <v>2257</v>
      </c>
      <c r="K57" s="175"/>
      <c r="L57" s="175"/>
      <c r="M57" s="175">
        <f>'将来負担比率（分子）の構造'!L$51</f>
        <v>2122</v>
      </c>
      <c r="N57" s="175"/>
      <c r="O57" s="175"/>
      <c r="P57" s="175">
        <f>'将来負担比率（分子）の構造'!M$51</f>
        <v>2407</v>
      </c>
    </row>
    <row r="58" spans="1:16" x14ac:dyDescent="0.2">
      <c r="A58" s="175" t="s">
        <v>43</v>
      </c>
      <c r="B58" s="175"/>
      <c r="C58" s="175"/>
      <c r="D58" s="175">
        <f>'将来負担比率（分子）の構造'!I$50</f>
        <v>4612</v>
      </c>
      <c r="E58" s="175"/>
      <c r="F58" s="175"/>
      <c r="G58" s="175">
        <f>'将来負担比率（分子）の構造'!J$50</f>
        <v>4970</v>
      </c>
      <c r="H58" s="175"/>
      <c r="I58" s="175"/>
      <c r="J58" s="175">
        <f>'将来負担比率（分子）の構造'!K$50</f>
        <v>4963</v>
      </c>
      <c r="K58" s="175"/>
      <c r="L58" s="175"/>
      <c r="M58" s="175">
        <f>'将来負担比率（分子）の構造'!L$50</f>
        <v>5017</v>
      </c>
      <c r="N58" s="175"/>
      <c r="O58" s="175"/>
      <c r="P58" s="175">
        <f>'将来負担比率（分子）の構造'!M$50</f>
        <v>5675</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1171</v>
      </c>
      <c r="C62" s="175"/>
      <c r="D62" s="175"/>
      <c r="E62" s="175">
        <f>'将来負担比率（分子）の構造'!J$45</f>
        <v>1223</v>
      </c>
      <c r="F62" s="175"/>
      <c r="G62" s="175"/>
      <c r="H62" s="175">
        <f>'将来負担比率（分子）の構造'!K$45</f>
        <v>1103</v>
      </c>
      <c r="I62" s="175"/>
      <c r="J62" s="175"/>
      <c r="K62" s="175">
        <f>'将来負担比率（分子）の構造'!L$45</f>
        <v>720</v>
      </c>
      <c r="L62" s="175"/>
      <c r="M62" s="175"/>
      <c r="N62" s="175">
        <f>'将来負担比率（分子）の構造'!M$45</f>
        <v>758</v>
      </c>
      <c r="O62" s="175"/>
      <c r="P62" s="175"/>
    </row>
    <row r="63" spans="1:16" x14ac:dyDescent="0.2">
      <c r="A63" s="175" t="s">
        <v>36</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5</v>
      </c>
      <c r="B64" s="175">
        <f>'将来負担比率（分子）の構造'!I$43</f>
        <v>2779</v>
      </c>
      <c r="C64" s="175"/>
      <c r="D64" s="175"/>
      <c r="E64" s="175">
        <f>'将来負担比率（分子）の構造'!J$43</f>
        <v>2686</v>
      </c>
      <c r="F64" s="175"/>
      <c r="G64" s="175"/>
      <c r="H64" s="175">
        <f>'将来負担比率（分子）の構造'!K$43</f>
        <v>2559</v>
      </c>
      <c r="I64" s="175"/>
      <c r="J64" s="175"/>
      <c r="K64" s="175">
        <f>'将来負担比率（分子）の構造'!L$43</f>
        <v>2489</v>
      </c>
      <c r="L64" s="175"/>
      <c r="M64" s="175"/>
      <c r="N64" s="175">
        <f>'将来負担比率（分子）の構造'!M$43</f>
        <v>2701</v>
      </c>
      <c r="O64" s="175"/>
      <c r="P64" s="175"/>
    </row>
    <row r="65" spans="1:16" x14ac:dyDescent="0.2">
      <c r="A65" s="175" t="s">
        <v>34</v>
      </c>
      <c r="B65" s="175">
        <f>'将来負担比率（分子）の構造'!I$42</f>
        <v>717</v>
      </c>
      <c r="C65" s="175"/>
      <c r="D65" s="175"/>
      <c r="E65" s="175">
        <f>'将来負担比率（分子）の構造'!J$42</f>
        <v>1157</v>
      </c>
      <c r="F65" s="175"/>
      <c r="G65" s="175"/>
      <c r="H65" s="175">
        <f>'将来負担比率（分子）の構造'!K$42</f>
        <v>1013</v>
      </c>
      <c r="I65" s="175"/>
      <c r="J65" s="175"/>
      <c r="K65" s="175">
        <f>'将来負担比率（分子）の構造'!L$42</f>
        <v>919</v>
      </c>
      <c r="L65" s="175"/>
      <c r="M65" s="175"/>
      <c r="N65" s="175">
        <f>'将来負担比率（分子）の構造'!M$42</f>
        <v>1010</v>
      </c>
      <c r="O65" s="175"/>
      <c r="P65" s="175"/>
    </row>
    <row r="66" spans="1:16" x14ac:dyDescent="0.2">
      <c r="A66" s="175" t="s">
        <v>33</v>
      </c>
      <c r="B66" s="175">
        <f>'将来負担比率（分子）の構造'!I$41</f>
        <v>7901</v>
      </c>
      <c r="C66" s="175"/>
      <c r="D66" s="175"/>
      <c r="E66" s="175">
        <f>'将来負担比率（分子）の構造'!J$41</f>
        <v>7490</v>
      </c>
      <c r="F66" s="175"/>
      <c r="G66" s="175"/>
      <c r="H66" s="175">
        <f>'将来負担比率（分子）の構造'!K$41</f>
        <v>7523</v>
      </c>
      <c r="I66" s="175"/>
      <c r="J66" s="175"/>
      <c r="K66" s="175">
        <f>'将来負担比率（分子）の構造'!L$41</f>
        <v>6989</v>
      </c>
      <c r="L66" s="175"/>
      <c r="M66" s="175"/>
      <c r="N66" s="175">
        <f>'将来負担比率（分子）の構造'!M$41</f>
        <v>6859</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2416</v>
      </c>
      <c r="C72" s="179">
        <f>基金残高に係る経年分析!G55</f>
        <v>2541</v>
      </c>
      <c r="D72" s="179">
        <f>基金残高に係る経年分析!H55</f>
        <v>3189</v>
      </c>
    </row>
    <row r="73" spans="1:16" x14ac:dyDescent="0.2">
      <c r="A73" s="178" t="s">
        <v>80</v>
      </c>
      <c r="B73" s="179">
        <f>基金残高に係る経年分析!F56</f>
        <v>47</v>
      </c>
      <c r="C73" s="179">
        <f>基金残高に係る経年分析!G56</f>
        <v>46</v>
      </c>
      <c r="D73" s="179">
        <f>基金残高に係る経年分析!H56</f>
        <v>46</v>
      </c>
    </row>
    <row r="74" spans="1:16" x14ac:dyDescent="0.2">
      <c r="A74" s="178" t="s">
        <v>81</v>
      </c>
      <c r="B74" s="179">
        <f>基金残高に係る経年分析!F57</f>
        <v>1314</v>
      </c>
      <c r="C74" s="179">
        <f>基金残高に係る経年分析!G57</f>
        <v>1322</v>
      </c>
      <c r="D74" s="179">
        <f>基金残高に係る経年分析!H57</f>
        <v>1374</v>
      </c>
    </row>
  </sheetData>
  <sheetProtection algorithmName="SHA-512" hashValue="LMScLGXo97JOCipmC+8OXjP+v0Xd613zF0fYB0KlPK8G+SKrytNrTyUk4ux3KNAcBMq+1F5cpgRM1tHDgvGeVg==" saltValue="zVUijjH8SMWVg9lkkHR4d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53" t="s">
        <v>216</v>
      </c>
      <c r="DI1" s="754"/>
      <c r="DJ1" s="754"/>
      <c r="DK1" s="754"/>
      <c r="DL1" s="754"/>
      <c r="DM1" s="754"/>
      <c r="DN1" s="755"/>
      <c r="DO1" s="214"/>
      <c r="DP1" s="753" t="s">
        <v>217</v>
      </c>
      <c r="DQ1" s="754"/>
      <c r="DR1" s="754"/>
      <c r="DS1" s="754"/>
      <c r="DT1" s="754"/>
      <c r="DU1" s="754"/>
      <c r="DV1" s="754"/>
      <c r="DW1" s="754"/>
      <c r="DX1" s="754"/>
      <c r="DY1" s="754"/>
      <c r="DZ1" s="754"/>
      <c r="EA1" s="754"/>
      <c r="EB1" s="754"/>
      <c r="EC1" s="755"/>
      <c r="ED1" s="213"/>
      <c r="EE1" s="213"/>
      <c r="EF1" s="213"/>
      <c r="EG1" s="213"/>
      <c r="EH1" s="213"/>
      <c r="EI1" s="213"/>
      <c r="EJ1" s="213"/>
      <c r="EK1" s="213"/>
      <c r="EL1" s="213"/>
      <c r="EM1" s="213"/>
    </row>
    <row r="2" spans="2:143" ht="22.5" customHeight="1" x14ac:dyDescent="0.2">
      <c r="B2" s="215" t="s">
        <v>218</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709" t="s">
        <v>219</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20</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21</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22</v>
      </c>
      <c r="S4" s="710"/>
      <c r="T4" s="710"/>
      <c r="U4" s="710"/>
      <c r="V4" s="710"/>
      <c r="W4" s="710"/>
      <c r="X4" s="710"/>
      <c r="Y4" s="711"/>
      <c r="Z4" s="709" t="s">
        <v>223</v>
      </c>
      <c r="AA4" s="710"/>
      <c r="AB4" s="710"/>
      <c r="AC4" s="711"/>
      <c r="AD4" s="709" t="s">
        <v>224</v>
      </c>
      <c r="AE4" s="710"/>
      <c r="AF4" s="710"/>
      <c r="AG4" s="710"/>
      <c r="AH4" s="710"/>
      <c r="AI4" s="710"/>
      <c r="AJ4" s="710"/>
      <c r="AK4" s="711"/>
      <c r="AL4" s="709" t="s">
        <v>223</v>
      </c>
      <c r="AM4" s="710"/>
      <c r="AN4" s="710"/>
      <c r="AO4" s="711"/>
      <c r="AP4" s="756" t="s">
        <v>225</v>
      </c>
      <c r="AQ4" s="756"/>
      <c r="AR4" s="756"/>
      <c r="AS4" s="756"/>
      <c r="AT4" s="756"/>
      <c r="AU4" s="756"/>
      <c r="AV4" s="756"/>
      <c r="AW4" s="756"/>
      <c r="AX4" s="756"/>
      <c r="AY4" s="756"/>
      <c r="AZ4" s="756"/>
      <c r="BA4" s="756"/>
      <c r="BB4" s="756"/>
      <c r="BC4" s="756"/>
      <c r="BD4" s="756"/>
      <c r="BE4" s="756"/>
      <c r="BF4" s="756"/>
      <c r="BG4" s="756" t="s">
        <v>226</v>
      </c>
      <c r="BH4" s="756"/>
      <c r="BI4" s="756"/>
      <c r="BJ4" s="756"/>
      <c r="BK4" s="756"/>
      <c r="BL4" s="756"/>
      <c r="BM4" s="756"/>
      <c r="BN4" s="756"/>
      <c r="BO4" s="756" t="s">
        <v>223</v>
      </c>
      <c r="BP4" s="756"/>
      <c r="BQ4" s="756"/>
      <c r="BR4" s="756"/>
      <c r="BS4" s="756" t="s">
        <v>227</v>
      </c>
      <c r="BT4" s="756"/>
      <c r="BU4" s="756"/>
      <c r="BV4" s="756"/>
      <c r="BW4" s="756"/>
      <c r="BX4" s="756"/>
      <c r="BY4" s="756"/>
      <c r="BZ4" s="756"/>
      <c r="CA4" s="756"/>
      <c r="CB4" s="756"/>
      <c r="CD4" s="709" t="s">
        <v>228</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29</v>
      </c>
      <c r="C5" s="716"/>
      <c r="D5" s="716"/>
      <c r="E5" s="716"/>
      <c r="F5" s="716"/>
      <c r="G5" s="716"/>
      <c r="H5" s="716"/>
      <c r="I5" s="716"/>
      <c r="J5" s="716"/>
      <c r="K5" s="716"/>
      <c r="L5" s="716"/>
      <c r="M5" s="716"/>
      <c r="N5" s="716"/>
      <c r="O5" s="716"/>
      <c r="P5" s="716"/>
      <c r="Q5" s="717"/>
      <c r="R5" s="712">
        <v>9444606</v>
      </c>
      <c r="S5" s="713"/>
      <c r="T5" s="713"/>
      <c r="U5" s="713"/>
      <c r="V5" s="713"/>
      <c r="W5" s="713"/>
      <c r="X5" s="713"/>
      <c r="Y5" s="738"/>
      <c r="Z5" s="751">
        <v>45.2</v>
      </c>
      <c r="AA5" s="751"/>
      <c r="AB5" s="751"/>
      <c r="AC5" s="751"/>
      <c r="AD5" s="752">
        <v>8918255</v>
      </c>
      <c r="AE5" s="752"/>
      <c r="AF5" s="752"/>
      <c r="AG5" s="752"/>
      <c r="AH5" s="752"/>
      <c r="AI5" s="752"/>
      <c r="AJ5" s="752"/>
      <c r="AK5" s="752"/>
      <c r="AL5" s="739">
        <v>84.5</v>
      </c>
      <c r="AM5" s="721"/>
      <c r="AN5" s="721"/>
      <c r="AO5" s="740"/>
      <c r="AP5" s="715" t="s">
        <v>230</v>
      </c>
      <c r="AQ5" s="716"/>
      <c r="AR5" s="716"/>
      <c r="AS5" s="716"/>
      <c r="AT5" s="716"/>
      <c r="AU5" s="716"/>
      <c r="AV5" s="716"/>
      <c r="AW5" s="716"/>
      <c r="AX5" s="716"/>
      <c r="AY5" s="716"/>
      <c r="AZ5" s="716"/>
      <c r="BA5" s="716"/>
      <c r="BB5" s="716"/>
      <c r="BC5" s="716"/>
      <c r="BD5" s="716"/>
      <c r="BE5" s="716"/>
      <c r="BF5" s="717"/>
      <c r="BG5" s="657">
        <v>8918255</v>
      </c>
      <c r="BH5" s="658"/>
      <c r="BI5" s="658"/>
      <c r="BJ5" s="658"/>
      <c r="BK5" s="658"/>
      <c r="BL5" s="658"/>
      <c r="BM5" s="658"/>
      <c r="BN5" s="659"/>
      <c r="BO5" s="695">
        <v>94.4</v>
      </c>
      <c r="BP5" s="695"/>
      <c r="BQ5" s="695"/>
      <c r="BR5" s="695"/>
      <c r="BS5" s="696">
        <v>130155</v>
      </c>
      <c r="BT5" s="696"/>
      <c r="BU5" s="696"/>
      <c r="BV5" s="696"/>
      <c r="BW5" s="696"/>
      <c r="BX5" s="696"/>
      <c r="BY5" s="696"/>
      <c r="BZ5" s="696"/>
      <c r="CA5" s="696"/>
      <c r="CB5" s="736"/>
      <c r="CD5" s="709" t="s">
        <v>225</v>
      </c>
      <c r="CE5" s="710"/>
      <c r="CF5" s="710"/>
      <c r="CG5" s="710"/>
      <c r="CH5" s="710"/>
      <c r="CI5" s="710"/>
      <c r="CJ5" s="710"/>
      <c r="CK5" s="710"/>
      <c r="CL5" s="710"/>
      <c r="CM5" s="710"/>
      <c r="CN5" s="710"/>
      <c r="CO5" s="710"/>
      <c r="CP5" s="710"/>
      <c r="CQ5" s="711"/>
      <c r="CR5" s="709" t="s">
        <v>231</v>
      </c>
      <c r="CS5" s="710"/>
      <c r="CT5" s="710"/>
      <c r="CU5" s="710"/>
      <c r="CV5" s="710"/>
      <c r="CW5" s="710"/>
      <c r="CX5" s="710"/>
      <c r="CY5" s="711"/>
      <c r="CZ5" s="709" t="s">
        <v>223</v>
      </c>
      <c r="DA5" s="710"/>
      <c r="DB5" s="710"/>
      <c r="DC5" s="711"/>
      <c r="DD5" s="709" t="s">
        <v>232</v>
      </c>
      <c r="DE5" s="710"/>
      <c r="DF5" s="710"/>
      <c r="DG5" s="710"/>
      <c r="DH5" s="710"/>
      <c r="DI5" s="710"/>
      <c r="DJ5" s="710"/>
      <c r="DK5" s="710"/>
      <c r="DL5" s="710"/>
      <c r="DM5" s="710"/>
      <c r="DN5" s="710"/>
      <c r="DO5" s="710"/>
      <c r="DP5" s="711"/>
      <c r="DQ5" s="709" t="s">
        <v>233</v>
      </c>
      <c r="DR5" s="710"/>
      <c r="DS5" s="710"/>
      <c r="DT5" s="710"/>
      <c r="DU5" s="710"/>
      <c r="DV5" s="710"/>
      <c r="DW5" s="710"/>
      <c r="DX5" s="710"/>
      <c r="DY5" s="710"/>
      <c r="DZ5" s="710"/>
      <c r="EA5" s="710"/>
      <c r="EB5" s="710"/>
      <c r="EC5" s="711"/>
    </row>
    <row r="6" spans="2:143" ht="11.25" customHeight="1" x14ac:dyDescent="0.2">
      <c r="B6" s="654" t="s">
        <v>234</v>
      </c>
      <c r="C6" s="655"/>
      <c r="D6" s="655"/>
      <c r="E6" s="655"/>
      <c r="F6" s="655"/>
      <c r="G6" s="655"/>
      <c r="H6" s="655"/>
      <c r="I6" s="655"/>
      <c r="J6" s="655"/>
      <c r="K6" s="655"/>
      <c r="L6" s="655"/>
      <c r="M6" s="655"/>
      <c r="N6" s="655"/>
      <c r="O6" s="655"/>
      <c r="P6" s="655"/>
      <c r="Q6" s="656"/>
      <c r="R6" s="657">
        <v>103379</v>
      </c>
      <c r="S6" s="658"/>
      <c r="T6" s="658"/>
      <c r="U6" s="658"/>
      <c r="V6" s="658"/>
      <c r="W6" s="658"/>
      <c r="X6" s="658"/>
      <c r="Y6" s="659"/>
      <c r="Z6" s="695">
        <v>0.5</v>
      </c>
      <c r="AA6" s="695"/>
      <c r="AB6" s="695"/>
      <c r="AC6" s="695"/>
      <c r="AD6" s="696">
        <v>103379</v>
      </c>
      <c r="AE6" s="696"/>
      <c r="AF6" s="696"/>
      <c r="AG6" s="696"/>
      <c r="AH6" s="696"/>
      <c r="AI6" s="696"/>
      <c r="AJ6" s="696"/>
      <c r="AK6" s="696"/>
      <c r="AL6" s="660">
        <v>1</v>
      </c>
      <c r="AM6" s="661"/>
      <c r="AN6" s="661"/>
      <c r="AO6" s="697"/>
      <c r="AP6" s="654" t="s">
        <v>235</v>
      </c>
      <c r="AQ6" s="655"/>
      <c r="AR6" s="655"/>
      <c r="AS6" s="655"/>
      <c r="AT6" s="655"/>
      <c r="AU6" s="655"/>
      <c r="AV6" s="655"/>
      <c r="AW6" s="655"/>
      <c r="AX6" s="655"/>
      <c r="AY6" s="655"/>
      <c r="AZ6" s="655"/>
      <c r="BA6" s="655"/>
      <c r="BB6" s="655"/>
      <c r="BC6" s="655"/>
      <c r="BD6" s="655"/>
      <c r="BE6" s="655"/>
      <c r="BF6" s="656"/>
      <c r="BG6" s="657">
        <v>8918255</v>
      </c>
      <c r="BH6" s="658"/>
      <c r="BI6" s="658"/>
      <c r="BJ6" s="658"/>
      <c r="BK6" s="658"/>
      <c r="BL6" s="658"/>
      <c r="BM6" s="658"/>
      <c r="BN6" s="659"/>
      <c r="BO6" s="695">
        <v>94.4</v>
      </c>
      <c r="BP6" s="695"/>
      <c r="BQ6" s="695"/>
      <c r="BR6" s="695"/>
      <c r="BS6" s="696">
        <v>130155</v>
      </c>
      <c r="BT6" s="696"/>
      <c r="BU6" s="696"/>
      <c r="BV6" s="696"/>
      <c r="BW6" s="696"/>
      <c r="BX6" s="696"/>
      <c r="BY6" s="696"/>
      <c r="BZ6" s="696"/>
      <c r="CA6" s="696"/>
      <c r="CB6" s="736"/>
      <c r="CD6" s="715" t="s">
        <v>236</v>
      </c>
      <c r="CE6" s="716"/>
      <c r="CF6" s="716"/>
      <c r="CG6" s="716"/>
      <c r="CH6" s="716"/>
      <c r="CI6" s="716"/>
      <c r="CJ6" s="716"/>
      <c r="CK6" s="716"/>
      <c r="CL6" s="716"/>
      <c r="CM6" s="716"/>
      <c r="CN6" s="716"/>
      <c r="CO6" s="716"/>
      <c r="CP6" s="716"/>
      <c r="CQ6" s="717"/>
      <c r="CR6" s="657">
        <v>205868</v>
      </c>
      <c r="CS6" s="658"/>
      <c r="CT6" s="658"/>
      <c r="CU6" s="658"/>
      <c r="CV6" s="658"/>
      <c r="CW6" s="658"/>
      <c r="CX6" s="658"/>
      <c r="CY6" s="659"/>
      <c r="CZ6" s="739">
        <v>1.1000000000000001</v>
      </c>
      <c r="DA6" s="721"/>
      <c r="DB6" s="721"/>
      <c r="DC6" s="741"/>
      <c r="DD6" s="663" t="s">
        <v>237</v>
      </c>
      <c r="DE6" s="658"/>
      <c r="DF6" s="658"/>
      <c r="DG6" s="658"/>
      <c r="DH6" s="658"/>
      <c r="DI6" s="658"/>
      <c r="DJ6" s="658"/>
      <c r="DK6" s="658"/>
      <c r="DL6" s="658"/>
      <c r="DM6" s="658"/>
      <c r="DN6" s="658"/>
      <c r="DO6" s="658"/>
      <c r="DP6" s="659"/>
      <c r="DQ6" s="663">
        <v>205461</v>
      </c>
      <c r="DR6" s="658"/>
      <c r="DS6" s="658"/>
      <c r="DT6" s="658"/>
      <c r="DU6" s="658"/>
      <c r="DV6" s="658"/>
      <c r="DW6" s="658"/>
      <c r="DX6" s="658"/>
      <c r="DY6" s="658"/>
      <c r="DZ6" s="658"/>
      <c r="EA6" s="658"/>
      <c r="EB6" s="658"/>
      <c r="EC6" s="694"/>
    </row>
    <row r="7" spans="2:143" ht="11.25" customHeight="1" x14ac:dyDescent="0.2">
      <c r="B7" s="654" t="s">
        <v>238</v>
      </c>
      <c r="C7" s="655"/>
      <c r="D7" s="655"/>
      <c r="E7" s="655"/>
      <c r="F7" s="655"/>
      <c r="G7" s="655"/>
      <c r="H7" s="655"/>
      <c r="I7" s="655"/>
      <c r="J7" s="655"/>
      <c r="K7" s="655"/>
      <c r="L7" s="655"/>
      <c r="M7" s="655"/>
      <c r="N7" s="655"/>
      <c r="O7" s="655"/>
      <c r="P7" s="655"/>
      <c r="Q7" s="656"/>
      <c r="R7" s="657">
        <v>2263</v>
      </c>
      <c r="S7" s="658"/>
      <c r="T7" s="658"/>
      <c r="U7" s="658"/>
      <c r="V7" s="658"/>
      <c r="W7" s="658"/>
      <c r="X7" s="658"/>
      <c r="Y7" s="659"/>
      <c r="Z7" s="695">
        <v>0</v>
      </c>
      <c r="AA7" s="695"/>
      <c r="AB7" s="695"/>
      <c r="AC7" s="695"/>
      <c r="AD7" s="696">
        <v>2263</v>
      </c>
      <c r="AE7" s="696"/>
      <c r="AF7" s="696"/>
      <c r="AG7" s="696"/>
      <c r="AH7" s="696"/>
      <c r="AI7" s="696"/>
      <c r="AJ7" s="696"/>
      <c r="AK7" s="696"/>
      <c r="AL7" s="660">
        <v>0</v>
      </c>
      <c r="AM7" s="661"/>
      <c r="AN7" s="661"/>
      <c r="AO7" s="697"/>
      <c r="AP7" s="654" t="s">
        <v>239</v>
      </c>
      <c r="AQ7" s="655"/>
      <c r="AR7" s="655"/>
      <c r="AS7" s="655"/>
      <c r="AT7" s="655"/>
      <c r="AU7" s="655"/>
      <c r="AV7" s="655"/>
      <c r="AW7" s="655"/>
      <c r="AX7" s="655"/>
      <c r="AY7" s="655"/>
      <c r="AZ7" s="655"/>
      <c r="BA7" s="655"/>
      <c r="BB7" s="655"/>
      <c r="BC7" s="655"/>
      <c r="BD7" s="655"/>
      <c r="BE7" s="655"/>
      <c r="BF7" s="656"/>
      <c r="BG7" s="657">
        <v>3591673</v>
      </c>
      <c r="BH7" s="658"/>
      <c r="BI7" s="658"/>
      <c r="BJ7" s="658"/>
      <c r="BK7" s="658"/>
      <c r="BL7" s="658"/>
      <c r="BM7" s="658"/>
      <c r="BN7" s="659"/>
      <c r="BO7" s="695">
        <v>38</v>
      </c>
      <c r="BP7" s="695"/>
      <c r="BQ7" s="695"/>
      <c r="BR7" s="695"/>
      <c r="BS7" s="696">
        <v>130155</v>
      </c>
      <c r="BT7" s="696"/>
      <c r="BU7" s="696"/>
      <c r="BV7" s="696"/>
      <c r="BW7" s="696"/>
      <c r="BX7" s="696"/>
      <c r="BY7" s="696"/>
      <c r="BZ7" s="696"/>
      <c r="CA7" s="696"/>
      <c r="CB7" s="736"/>
      <c r="CD7" s="654" t="s">
        <v>240</v>
      </c>
      <c r="CE7" s="655"/>
      <c r="CF7" s="655"/>
      <c r="CG7" s="655"/>
      <c r="CH7" s="655"/>
      <c r="CI7" s="655"/>
      <c r="CJ7" s="655"/>
      <c r="CK7" s="655"/>
      <c r="CL7" s="655"/>
      <c r="CM7" s="655"/>
      <c r="CN7" s="655"/>
      <c r="CO7" s="655"/>
      <c r="CP7" s="655"/>
      <c r="CQ7" s="656"/>
      <c r="CR7" s="657">
        <v>3513207</v>
      </c>
      <c r="CS7" s="658"/>
      <c r="CT7" s="658"/>
      <c r="CU7" s="658"/>
      <c r="CV7" s="658"/>
      <c r="CW7" s="658"/>
      <c r="CX7" s="658"/>
      <c r="CY7" s="659"/>
      <c r="CZ7" s="695">
        <v>18.600000000000001</v>
      </c>
      <c r="DA7" s="695"/>
      <c r="DB7" s="695"/>
      <c r="DC7" s="695"/>
      <c r="DD7" s="663">
        <v>168210</v>
      </c>
      <c r="DE7" s="658"/>
      <c r="DF7" s="658"/>
      <c r="DG7" s="658"/>
      <c r="DH7" s="658"/>
      <c r="DI7" s="658"/>
      <c r="DJ7" s="658"/>
      <c r="DK7" s="658"/>
      <c r="DL7" s="658"/>
      <c r="DM7" s="658"/>
      <c r="DN7" s="658"/>
      <c r="DO7" s="658"/>
      <c r="DP7" s="659"/>
      <c r="DQ7" s="663">
        <v>3143293</v>
      </c>
      <c r="DR7" s="658"/>
      <c r="DS7" s="658"/>
      <c r="DT7" s="658"/>
      <c r="DU7" s="658"/>
      <c r="DV7" s="658"/>
      <c r="DW7" s="658"/>
      <c r="DX7" s="658"/>
      <c r="DY7" s="658"/>
      <c r="DZ7" s="658"/>
      <c r="EA7" s="658"/>
      <c r="EB7" s="658"/>
      <c r="EC7" s="694"/>
    </row>
    <row r="8" spans="2:143" ht="11.25" customHeight="1" x14ac:dyDescent="0.2">
      <c r="B8" s="654" t="s">
        <v>241</v>
      </c>
      <c r="C8" s="655"/>
      <c r="D8" s="655"/>
      <c r="E8" s="655"/>
      <c r="F8" s="655"/>
      <c r="G8" s="655"/>
      <c r="H8" s="655"/>
      <c r="I8" s="655"/>
      <c r="J8" s="655"/>
      <c r="K8" s="655"/>
      <c r="L8" s="655"/>
      <c r="M8" s="655"/>
      <c r="N8" s="655"/>
      <c r="O8" s="655"/>
      <c r="P8" s="655"/>
      <c r="Q8" s="656"/>
      <c r="R8" s="657">
        <v>45582</v>
      </c>
      <c r="S8" s="658"/>
      <c r="T8" s="658"/>
      <c r="U8" s="658"/>
      <c r="V8" s="658"/>
      <c r="W8" s="658"/>
      <c r="X8" s="658"/>
      <c r="Y8" s="659"/>
      <c r="Z8" s="695">
        <v>0.2</v>
      </c>
      <c r="AA8" s="695"/>
      <c r="AB8" s="695"/>
      <c r="AC8" s="695"/>
      <c r="AD8" s="696">
        <v>45582</v>
      </c>
      <c r="AE8" s="696"/>
      <c r="AF8" s="696"/>
      <c r="AG8" s="696"/>
      <c r="AH8" s="696"/>
      <c r="AI8" s="696"/>
      <c r="AJ8" s="696"/>
      <c r="AK8" s="696"/>
      <c r="AL8" s="660">
        <v>0.4</v>
      </c>
      <c r="AM8" s="661"/>
      <c r="AN8" s="661"/>
      <c r="AO8" s="697"/>
      <c r="AP8" s="654" t="s">
        <v>242</v>
      </c>
      <c r="AQ8" s="655"/>
      <c r="AR8" s="655"/>
      <c r="AS8" s="655"/>
      <c r="AT8" s="655"/>
      <c r="AU8" s="655"/>
      <c r="AV8" s="655"/>
      <c r="AW8" s="655"/>
      <c r="AX8" s="655"/>
      <c r="AY8" s="655"/>
      <c r="AZ8" s="655"/>
      <c r="BA8" s="655"/>
      <c r="BB8" s="655"/>
      <c r="BC8" s="655"/>
      <c r="BD8" s="655"/>
      <c r="BE8" s="655"/>
      <c r="BF8" s="656"/>
      <c r="BG8" s="657">
        <v>89592</v>
      </c>
      <c r="BH8" s="658"/>
      <c r="BI8" s="658"/>
      <c r="BJ8" s="658"/>
      <c r="BK8" s="658"/>
      <c r="BL8" s="658"/>
      <c r="BM8" s="658"/>
      <c r="BN8" s="659"/>
      <c r="BO8" s="695">
        <v>0.9</v>
      </c>
      <c r="BP8" s="695"/>
      <c r="BQ8" s="695"/>
      <c r="BR8" s="695"/>
      <c r="BS8" s="696" t="s">
        <v>237</v>
      </c>
      <c r="BT8" s="696"/>
      <c r="BU8" s="696"/>
      <c r="BV8" s="696"/>
      <c r="BW8" s="696"/>
      <c r="BX8" s="696"/>
      <c r="BY8" s="696"/>
      <c r="BZ8" s="696"/>
      <c r="CA8" s="696"/>
      <c r="CB8" s="736"/>
      <c r="CD8" s="654" t="s">
        <v>243</v>
      </c>
      <c r="CE8" s="655"/>
      <c r="CF8" s="655"/>
      <c r="CG8" s="655"/>
      <c r="CH8" s="655"/>
      <c r="CI8" s="655"/>
      <c r="CJ8" s="655"/>
      <c r="CK8" s="655"/>
      <c r="CL8" s="655"/>
      <c r="CM8" s="655"/>
      <c r="CN8" s="655"/>
      <c r="CO8" s="655"/>
      <c r="CP8" s="655"/>
      <c r="CQ8" s="656"/>
      <c r="CR8" s="657">
        <v>6412189</v>
      </c>
      <c r="CS8" s="658"/>
      <c r="CT8" s="658"/>
      <c r="CU8" s="658"/>
      <c r="CV8" s="658"/>
      <c r="CW8" s="658"/>
      <c r="CX8" s="658"/>
      <c r="CY8" s="659"/>
      <c r="CZ8" s="695">
        <v>34</v>
      </c>
      <c r="DA8" s="695"/>
      <c r="DB8" s="695"/>
      <c r="DC8" s="695"/>
      <c r="DD8" s="663">
        <v>23078</v>
      </c>
      <c r="DE8" s="658"/>
      <c r="DF8" s="658"/>
      <c r="DG8" s="658"/>
      <c r="DH8" s="658"/>
      <c r="DI8" s="658"/>
      <c r="DJ8" s="658"/>
      <c r="DK8" s="658"/>
      <c r="DL8" s="658"/>
      <c r="DM8" s="658"/>
      <c r="DN8" s="658"/>
      <c r="DO8" s="658"/>
      <c r="DP8" s="659"/>
      <c r="DQ8" s="663">
        <v>3084285</v>
      </c>
      <c r="DR8" s="658"/>
      <c r="DS8" s="658"/>
      <c r="DT8" s="658"/>
      <c r="DU8" s="658"/>
      <c r="DV8" s="658"/>
      <c r="DW8" s="658"/>
      <c r="DX8" s="658"/>
      <c r="DY8" s="658"/>
      <c r="DZ8" s="658"/>
      <c r="EA8" s="658"/>
      <c r="EB8" s="658"/>
      <c r="EC8" s="694"/>
    </row>
    <row r="9" spans="2:143" ht="11.25" customHeight="1" x14ac:dyDescent="0.2">
      <c r="B9" s="654" t="s">
        <v>244</v>
      </c>
      <c r="C9" s="655"/>
      <c r="D9" s="655"/>
      <c r="E9" s="655"/>
      <c r="F9" s="655"/>
      <c r="G9" s="655"/>
      <c r="H9" s="655"/>
      <c r="I9" s="655"/>
      <c r="J9" s="655"/>
      <c r="K9" s="655"/>
      <c r="L9" s="655"/>
      <c r="M9" s="655"/>
      <c r="N9" s="655"/>
      <c r="O9" s="655"/>
      <c r="P9" s="655"/>
      <c r="Q9" s="656"/>
      <c r="R9" s="657">
        <v>34975</v>
      </c>
      <c r="S9" s="658"/>
      <c r="T9" s="658"/>
      <c r="U9" s="658"/>
      <c r="V9" s="658"/>
      <c r="W9" s="658"/>
      <c r="X9" s="658"/>
      <c r="Y9" s="659"/>
      <c r="Z9" s="695">
        <v>0.2</v>
      </c>
      <c r="AA9" s="695"/>
      <c r="AB9" s="695"/>
      <c r="AC9" s="695"/>
      <c r="AD9" s="696">
        <v>34975</v>
      </c>
      <c r="AE9" s="696"/>
      <c r="AF9" s="696"/>
      <c r="AG9" s="696"/>
      <c r="AH9" s="696"/>
      <c r="AI9" s="696"/>
      <c r="AJ9" s="696"/>
      <c r="AK9" s="696"/>
      <c r="AL9" s="660">
        <v>0.3</v>
      </c>
      <c r="AM9" s="661"/>
      <c r="AN9" s="661"/>
      <c r="AO9" s="697"/>
      <c r="AP9" s="654" t="s">
        <v>245</v>
      </c>
      <c r="AQ9" s="655"/>
      <c r="AR9" s="655"/>
      <c r="AS9" s="655"/>
      <c r="AT9" s="655"/>
      <c r="AU9" s="655"/>
      <c r="AV9" s="655"/>
      <c r="AW9" s="655"/>
      <c r="AX9" s="655"/>
      <c r="AY9" s="655"/>
      <c r="AZ9" s="655"/>
      <c r="BA9" s="655"/>
      <c r="BB9" s="655"/>
      <c r="BC9" s="655"/>
      <c r="BD9" s="655"/>
      <c r="BE9" s="655"/>
      <c r="BF9" s="656"/>
      <c r="BG9" s="657">
        <v>2738795</v>
      </c>
      <c r="BH9" s="658"/>
      <c r="BI9" s="658"/>
      <c r="BJ9" s="658"/>
      <c r="BK9" s="658"/>
      <c r="BL9" s="658"/>
      <c r="BM9" s="658"/>
      <c r="BN9" s="659"/>
      <c r="BO9" s="695">
        <v>29</v>
      </c>
      <c r="BP9" s="695"/>
      <c r="BQ9" s="695"/>
      <c r="BR9" s="695"/>
      <c r="BS9" s="696" t="s">
        <v>237</v>
      </c>
      <c r="BT9" s="696"/>
      <c r="BU9" s="696"/>
      <c r="BV9" s="696"/>
      <c r="BW9" s="696"/>
      <c r="BX9" s="696"/>
      <c r="BY9" s="696"/>
      <c r="BZ9" s="696"/>
      <c r="CA9" s="696"/>
      <c r="CB9" s="736"/>
      <c r="CD9" s="654" t="s">
        <v>246</v>
      </c>
      <c r="CE9" s="655"/>
      <c r="CF9" s="655"/>
      <c r="CG9" s="655"/>
      <c r="CH9" s="655"/>
      <c r="CI9" s="655"/>
      <c r="CJ9" s="655"/>
      <c r="CK9" s="655"/>
      <c r="CL9" s="655"/>
      <c r="CM9" s="655"/>
      <c r="CN9" s="655"/>
      <c r="CO9" s="655"/>
      <c r="CP9" s="655"/>
      <c r="CQ9" s="656"/>
      <c r="CR9" s="657">
        <v>2484858</v>
      </c>
      <c r="CS9" s="658"/>
      <c r="CT9" s="658"/>
      <c r="CU9" s="658"/>
      <c r="CV9" s="658"/>
      <c r="CW9" s="658"/>
      <c r="CX9" s="658"/>
      <c r="CY9" s="659"/>
      <c r="CZ9" s="695">
        <v>13.2</v>
      </c>
      <c r="DA9" s="695"/>
      <c r="DB9" s="695"/>
      <c r="DC9" s="695"/>
      <c r="DD9" s="663">
        <v>1206</v>
      </c>
      <c r="DE9" s="658"/>
      <c r="DF9" s="658"/>
      <c r="DG9" s="658"/>
      <c r="DH9" s="658"/>
      <c r="DI9" s="658"/>
      <c r="DJ9" s="658"/>
      <c r="DK9" s="658"/>
      <c r="DL9" s="658"/>
      <c r="DM9" s="658"/>
      <c r="DN9" s="658"/>
      <c r="DO9" s="658"/>
      <c r="DP9" s="659"/>
      <c r="DQ9" s="663">
        <v>1210797</v>
      </c>
      <c r="DR9" s="658"/>
      <c r="DS9" s="658"/>
      <c r="DT9" s="658"/>
      <c r="DU9" s="658"/>
      <c r="DV9" s="658"/>
      <c r="DW9" s="658"/>
      <c r="DX9" s="658"/>
      <c r="DY9" s="658"/>
      <c r="DZ9" s="658"/>
      <c r="EA9" s="658"/>
      <c r="EB9" s="658"/>
      <c r="EC9" s="694"/>
    </row>
    <row r="10" spans="2:143" ht="11.25" customHeight="1" x14ac:dyDescent="0.2">
      <c r="B10" s="654" t="s">
        <v>247</v>
      </c>
      <c r="C10" s="655"/>
      <c r="D10" s="655"/>
      <c r="E10" s="655"/>
      <c r="F10" s="655"/>
      <c r="G10" s="655"/>
      <c r="H10" s="655"/>
      <c r="I10" s="655"/>
      <c r="J10" s="655"/>
      <c r="K10" s="655"/>
      <c r="L10" s="655"/>
      <c r="M10" s="655"/>
      <c r="N10" s="655"/>
      <c r="O10" s="655"/>
      <c r="P10" s="655"/>
      <c r="Q10" s="656"/>
      <c r="R10" s="657" t="s">
        <v>237</v>
      </c>
      <c r="S10" s="658"/>
      <c r="T10" s="658"/>
      <c r="U10" s="658"/>
      <c r="V10" s="658"/>
      <c r="W10" s="658"/>
      <c r="X10" s="658"/>
      <c r="Y10" s="659"/>
      <c r="Z10" s="695" t="s">
        <v>237</v>
      </c>
      <c r="AA10" s="695"/>
      <c r="AB10" s="695"/>
      <c r="AC10" s="695"/>
      <c r="AD10" s="696" t="s">
        <v>237</v>
      </c>
      <c r="AE10" s="696"/>
      <c r="AF10" s="696"/>
      <c r="AG10" s="696"/>
      <c r="AH10" s="696"/>
      <c r="AI10" s="696"/>
      <c r="AJ10" s="696"/>
      <c r="AK10" s="696"/>
      <c r="AL10" s="660" t="s">
        <v>237</v>
      </c>
      <c r="AM10" s="661"/>
      <c r="AN10" s="661"/>
      <c r="AO10" s="697"/>
      <c r="AP10" s="654" t="s">
        <v>248</v>
      </c>
      <c r="AQ10" s="655"/>
      <c r="AR10" s="655"/>
      <c r="AS10" s="655"/>
      <c r="AT10" s="655"/>
      <c r="AU10" s="655"/>
      <c r="AV10" s="655"/>
      <c r="AW10" s="655"/>
      <c r="AX10" s="655"/>
      <c r="AY10" s="655"/>
      <c r="AZ10" s="655"/>
      <c r="BA10" s="655"/>
      <c r="BB10" s="655"/>
      <c r="BC10" s="655"/>
      <c r="BD10" s="655"/>
      <c r="BE10" s="655"/>
      <c r="BF10" s="656"/>
      <c r="BG10" s="657">
        <v>167202</v>
      </c>
      <c r="BH10" s="658"/>
      <c r="BI10" s="658"/>
      <c r="BJ10" s="658"/>
      <c r="BK10" s="658"/>
      <c r="BL10" s="658"/>
      <c r="BM10" s="658"/>
      <c r="BN10" s="659"/>
      <c r="BO10" s="695">
        <v>1.8</v>
      </c>
      <c r="BP10" s="695"/>
      <c r="BQ10" s="695"/>
      <c r="BR10" s="695"/>
      <c r="BS10" s="696" t="s">
        <v>237</v>
      </c>
      <c r="BT10" s="696"/>
      <c r="BU10" s="696"/>
      <c r="BV10" s="696"/>
      <c r="BW10" s="696"/>
      <c r="BX10" s="696"/>
      <c r="BY10" s="696"/>
      <c r="BZ10" s="696"/>
      <c r="CA10" s="696"/>
      <c r="CB10" s="736"/>
      <c r="CD10" s="654" t="s">
        <v>249</v>
      </c>
      <c r="CE10" s="655"/>
      <c r="CF10" s="655"/>
      <c r="CG10" s="655"/>
      <c r="CH10" s="655"/>
      <c r="CI10" s="655"/>
      <c r="CJ10" s="655"/>
      <c r="CK10" s="655"/>
      <c r="CL10" s="655"/>
      <c r="CM10" s="655"/>
      <c r="CN10" s="655"/>
      <c r="CO10" s="655"/>
      <c r="CP10" s="655"/>
      <c r="CQ10" s="656"/>
      <c r="CR10" s="657">
        <v>29244</v>
      </c>
      <c r="CS10" s="658"/>
      <c r="CT10" s="658"/>
      <c r="CU10" s="658"/>
      <c r="CV10" s="658"/>
      <c r="CW10" s="658"/>
      <c r="CX10" s="658"/>
      <c r="CY10" s="659"/>
      <c r="CZ10" s="695">
        <v>0.2</v>
      </c>
      <c r="DA10" s="695"/>
      <c r="DB10" s="695"/>
      <c r="DC10" s="695"/>
      <c r="DD10" s="663" t="s">
        <v>177</v>
      </c>
      <c r="DE10" s="658"/>
      <c r="DF10" s="658"/>
      <c r="DG10" s="658"/>
      <c r="DH10" s="658"/>
      <c r="DI10" s="658"/>
      <c r="DJ10" s="658"/>
      <c r="DK10" s="658"/>
      <c r="DL10" s="658"/>
      <c r="DM10" s="658"/>
      <c r="DN10" s="658"/>
      <c r="DO10" s="658"/>
      <c r="DP10" s="659"/>
      <c r="DQ10" s="663">
        <v>9244</v>
      </c>
      <c r="DR10" s="658"/>
      <c r="DS10" s="658"/>
      <c r="DT10" s="658"/>
      <c r="DU10" s="658"/>
      <c r="DV10" s="658"/>
      <c r="DW10" s="658"/>
      <c r="DX10" s="658"/>
      <c r="DY10" s="658"/>
      <c r="DZ10" s="658"/>
      <c r="EA10" s="658"/>
      <c r="EB10" s="658"/>
      <c r="EC10" s="694"/>
    </row>
    <row r="11" spans="2:143" ht="11.25" customHeight="1" x14ac:dyDescent="0.2">
      <c r="B11" s="654" t="s">
        <v>250</v>
      </c>
      <c r="C11" s="655"/>
      <c r="D11" s="655"/>
      <c r="E11" s="655"/>
      <c r="F11" s="655"/>
      <c r="G11" s="655"/>
      <c r="H11" s="655"/>
      <c r="I11" s="655"/>
      <c r="J11" s="655"/>
      <c r="K11" s="655"/>
      <c r="L11" s="655"/>
      <c r="M11" s="655"/>
      <c r="N11" s="655"/>
      <c r="O11" s="655"/>
      <c r="P11" s="655"/>
      <c r="Q11" s="656"/>
      <c r="R11" s="657">
        <v>1165826</v>
      </c>
      <c r="S11" s="658"/>
      <c r="T11" s="658"/>
      <c r="U11" s="658"/>
      <c r="V11" s="658"/>
      <c r="W11" s="658"/>
      <c r="X11" s="658"/>
      <c r="Y11" s="659"/>
      <c r="Z11" s="660">
        <v>5.6</v>
      </c>
      <c r="AA11" s="661"/>
      <c r="AB11" s="661"/>
      <c r="AC11" s="662"/>
      <c r="AD11" s="663">
        <v>1165826</v>
      </c>
      <c r="AE11" s="658"/>
      <c r="AF11" s="658"/>
      <c r="AG11" s="658"/>
      <c r="AH11" s="658"/>
      <c r="AI11" s="658"/>
      <c r="AJ11" s="658"/>
      <c r="AK11" s="659"/>
      <c r="AL11" s="660">
        <v>11</v>
      </c>
      <c r="AM11" s="661"/>
      <c r="AN11" s="661"/>
      <c r="AO11" s="697"/>
      <c r="AP11" s="654" t="s">
        <v>251</v>
      </c>
      <c r="AQ11" s="655"/>
      <c r="AR11" s="655"/>
      <c r="AS11" s="655"/>
      <c r="AT11" s="655"/>
      <c r="AU11" s="655"/>
      <c r="AV11" s="655"/>
      <c r="AW11" s="655"/>
      <c r="AX11" s="655"/>
      <c r="AY11" s="655"/>
      <c r="AZ11" s="655"/>
      <c r="BA11" s="655"/>
      <c r="BB11" s="655"/>
      <c r="BC11" s="655"/>
      <c r="BD11" s="655"/>
      <c r="BE11" s="655"/>
      <c r="BF11" s="656"/>
      <c r="BG11" s="657">
        <v>596084</v>
      </c>
      <c r="BH11" s="658"/>
      <c r="BI11" s="658"/>
      <c r="BJ11" s="658"/>
      <c r="BK11" s="658"/>
      <c r="BL11" s="658"/>
      <c r="BM11" s="658"/>
      <c r="BN11" s="659"/>
      <c r="BO11" s="695">
        <v>6.3</v>
      </c>
      <c r="BP11" s="695"/>
      <c r="BQ11" s="695"/>
      <c r="BR11" s="695"/>
      <c r="BS11" s="696">
        <v>130155</v>
      </c>
      <c r="BT11" s="696"/>
      <c r="BU11" s="696"/>
      <c r="BV11" s="696"/>
      <c r="BW11" s="696"/>
      <c r="BX11" s="696"/>
      <c r="BY11" s="696"/>
      <c r="BZ11" s="696"/>
      <c r="CA11" s="696"/>
      <c r="CB11" s="736"/>
      <c r="CD11" s="654" t="s">
        <v>252</v>
      </c>
      <c r="CE11" s="655"/>
      <c r="CF11" s="655"/>
      <c r="CG11" s="655"/>
      <c r="CH11" s="655"/>
      <c r="CI11" s="655"/>
      <c r="CJ11" s="655"/>
      <c r="CK11" s="655"/>
      <c r="CL11" s="655"/>
      <c r="CM11" s="655"/>
      <c r="CN11" s="655"/>
      <c r="CO11" s="655"/>
      <c r="CP11" s="655"/>
      <c r="CQ11" s="656"/>
      <c r="CR11" s="657">
        <v>105421</v>
      </c>
      <c r="CS11" s="658"/>
      <c r="CT11" s="658"/>
      <c r="CU11" s="658"/>
      <c r="CV11" s="658"/>
      <c r="CW11" s="658"/>
      <c r="CX11" s="658"/>
      <c r="CY11" s="659"/>
      <c r="CZ11" s="695">
        <v>0.6</v>
      </c>
      <c r="DA11" s="695"/>
      <c r="DB11" s="695"/>
      <c r="DC11" s="695"/>
      <c r="DD11" s="663">
        <v>12655</v>
      </c>
      <c r="DE11" s="658"/>
      <c r="DF11" s="658"/>
      <c r="DG11" s="658"/>
      <c r="DH11" s="658"/>
      <c r="DI11" s="658"/>
      <c r="DJ11" s="658"/>
      <c r="DK11" s="658"/>
      <c r="DL11" s="658"/>
      <c r="DM11" s="658"/>
      <c r="DN11" s="658"/>
      <c r="DO11" s="658"/>
      <c r="DP11" s="659"/>
      <c r="DQ11" s="663">
        <v>98402</v>
      </c>
      <c r="DR11" s="658"/>
      <c r="DS11" s="658"/>
      <c r="DT11" s="658"/>
      <c r="DU11" s="658"/>
      <c r="DV11" s="658"/>
      <c r="DW11" s="658"/>
      <c r="DX11" s="658"/>
      <c r="DY11" s="658"/>
      <c r="DZ11" s="658"/>
      <c r="EA11" s="658"/>
      <c r="EB11" s="658"/>
      <c r="EC11" s="694"/>
    </row>
    <row r="12" spans="2:143" ht="11.25" customHeight="1" x14ac:dyDescent="0.2">
      <c r="B12" s="654" t="s">
        <v>253</v>
      </c>
      <c r="C12" s="655"/>
      <c r="D12" s="655"/>
      <c r="E12" s="655"/>
      <c r="F12" s="655"/>
      <c r="G12" s="655"/>
      <c r="H12" s="655"/>
      <c r="I12" s="655"/>
      <c r="J12" s="655"/>
      <c r="K12" s="655"/>
      <c r="L12" s="655"/>
      <c r="M12" s="655"/>
      <c r="N12" s="655"/>
      <c r="O12" s="655"/>
      <c r="P12" s="655"/>
      <c r="Q12" s="656"/>
      <c r="R12" s="657" t="s">
        <v>177</v>
      </c>
      <c r="S12" s="658"/>
      <c r="T12" s="658"/>
      <c r="U12" s="658"/>
      <c r="V12" s="658"/>
      <c r="W12" s="658"/>
      <c r="X12" s="658"/>
      <c r="Y12" s="659"/>
      <c r="Z12" s="695" t="s">
        <v>237</v>
      </c>
      <c r="AA12" s="695"/>
      <c r="AB12" s="695"/>
      <c r="AC12" s="695"/>
      <c r="AD12" s="696" t="s">
        <v>237</v>
      </c>
      <c r="AE12" s="696"/>
      <c r="AF12" s="696"/>
      <c r="AG12" s="696"/>
      <c r="AH12" s="696"/>
      <c r="AI12" s="696"/>
      <c r="AJ12" s="696"/>
      <c r="AK12" s="696"/>
      <c r="AL12" s="660" t="s">
        <v>237</v>
      </c>
      <c r="AM12" s="661"/>
      <c r="AN12" s="661"/>
      <c r="AO12" s="697"/>
      <c r="AP12" s="654" t="s">
        <v>254</v>
      </c>
      <c r="AQ12" s="655"/>
      <c r="AR12" s="655"/>
      <c r="AS12" s="655"/>
      <c r="AT12" s="655"/>
      <c r="AU12" s="655"/>
      <c r="AV12" s="655"/>
      <c r="AW12" s="655"/>
      <c r="AX12" s="655"/>
      <c r="AY12" s="655"/>
      <c r="AZ12" s="655"/>
      <c r="BA12" s="655"/>
      <c r="BB12" s="655"/>
      <c r="BC12" s="655"/>
      <c r="BD12" s="655"/>
      <c r="BE12" s="655"/>
      <c r="BF12" s="656"/>
      <c r="BG12" s="657">
        <v>4766401</v>
      </c>
      <c r="BH12" s="658"/>
      <c r="BI12" s="658"/>
      <c r="BJ12" s="658"/>
      <c r="BK12" s="658"/>
      <c r="BL12" s="658"/>
      <c r="BM12" s="658"/>
      <c r="BN12" s="659"/>
      <c r="BO12" s="695">
        <v>50.5</v>
      </c>
      <c r="BP12" s="695"/>
      <c r="BQ12" s="695"/>
      <c r="BR12" s="695"/>
      <c r="BS12" s="696" t="s">
        <v>237</v>
      </c>
      <c r="BT12" s="696"/>
      <c r="BU12" s="696"/>
      <c r="BV12" s="696"/>
      <c r="BW12" s="696"/>
      <c r="BX12" s="696"/>
      <c r="BY12" s="696"/>
      <c r="BZ12" s="696"/>
      <c r="CA12" s="696"/>
      <c r="CB12" s="736"/>
      <c r="CD12" s="654" t="s">
        <v>255</v>
      </c>
      <c r="CE12" s="655"/>
      <c r="CF12" s="655"/>
      <c r="CG12" s="655"/>
      <c r="CH12" s="655"/>
      <c r="CI12" s="655"/>
      <c r="CJ12" s="655"/>
      <c r="CK12" s="655"/>
      <c r="CL12" s="655"/>
      <c r="CM12" s="655"/>
      <c r="CN12" s="655"/>
      <c r="CO12" s="655"/>
      <c r="CP12" s="655"/>
      <c r="CQ12" s="656"/>
      <c r="CR12" s="657">
        <v>193922</v>
      </c>
      <c r="CS12" s="658"/>
      <c r="CT12" s="658"/>
      <c r="CU12" s="658"/>
      <c r="CV12" s="658"/>
      <c r="CW12" s="658"/>
      <c r="CX12" s="658"/>
      <c r="CY12" s="659"/>
      <c r="CZ12" s="695">
        <v>1</v>
      </c>
      <c r="DA12" s="695"/>
      <c r="DB12" s="695"/>
      <c r="DC12" s="695"/>
      <c r="DD12" s="663">
        <v>2861</v>
      </c>
      <c r="DE12" s="658"/>
      <c r="DF12" s="658"/>
      <c r="DG12" s="658"/>
      <c r="DH12" s="658"/>
      <c r="DI12" s="658"/>
      <c r="DJ12" s="658"/>
      <c r="DK12" s="658"/>
      <c r="DL12" s="658"/>
      <c r="DM12" s="658"/>
      <c r="DN12" s="658"/>
      <c r="DO12" s="658"/>
      <c r="DP12" s="659"/>
      <c r="DQ12" s="663">
        <v>157740</v>
      </c>
      <c r="DR12" s="658"/>
      <c r="DS12" s="658"/>
      <c r="DT12" s="658"/>
      <c r="DU12" s="658"/>
      <c r="DV12" s="658"/>
      <c r="DW12" s="658"/>
      <c r="DX12" s="658"/>
      <c r="DY12" s="658"/>
      <c r="DZ12" s="658"/>
      <c r="EA12" s="658"/>
      <c r="EB12" s="658"/>
      <c r="EC12" s="694"/>
    </row>
    <row r="13" spans="2:143" ht="11.25" customHeight="1" x14ac:dyDescent="0.2">
      <c r="B13" s="654" t="s">
        <v>256</v>
      </c>
      <c r="C13" s="655"/>
      <c r="D13" s="655"/>
      <c r="E13" s="655"/>
      <c r="F13" s="655"/>
      <c r="G13" s="655"/>
      <c r="H13" s="655"/>
      <c r="I13" s="655"/>
      <c r="J13" s="655"/>
      <c r="K13" s="655"/>
      <c r="L13" s="655"/>
      <c r="M13" s="655"/>
      <c r="N13" s="655"/>
      <c r="O13" s="655"/>
      <c r="P13" s="655"/>
      <c r="Q13" s="656"/>
      <c r="R13" s="657" t="s">
        <v>237</v>
      </c>
      <c r="S13" s="658"/>
      <c r="T13" s="658"/>
      <c r="U13" s="658"/>
      <c r="V13" s="658"/>
      <c r="W13" s="658"/>
      <c r="X13" s="658"/>
      <c r="Y13" s="659"/>
      <c r="Z13" s="695" t="s">
        <v>177</v>
      </c>
      <c r="AA13" s="695"/>
      <c r="AB13" s="695"/>
      <c r="AC13" s="695"/>
      <c r="AD13" s="696" t="s">
        <v>237</v>
      </c>
      <c r="AE13" s="696"/>
      <c r="AF13" s="696"/>
      <c r="AG13" s="696"/>
      <c r="AH13" s="696"/>
      <c r="AI13" s="696"/>
      <c r="AJ13" s="696"/>
      <c r="AK13" s="696"/>
      <c r="AL13" s="660" t="s">
        <v>237</v>
      </c>
      <c r="AM13" s="661"/>
      <c r="AN13" s="661"/>
      <c r="AO13" s="697"/>
      <c r="AP13" s="654" t="s">
        <v>257</v>
      </c>
      <c r="AQ13" s="655"/>
      <c r="AR13" s="655"/>
      <c r="AS13" s="655"/>
      <c r="AT13" s="655"/>
      <c r="AU13" s="655"/>
      <c r="AV13" s="655"/>
      <c r="AW13" s="655"/>
      <c r="AX13" s="655"/>
      <c r="AY13" s="655"/>
      <c r="AZ13" s="655"/>
      <c r="BA13" s="655"/>
      <c r="BB13" s="655"/>
      <c r="BC13" s="655"/>
      <c r="BD13" s="655"/>
      <c r="BE13" s="655"/>
      <c r="BF13" s="656"/>
      <c r="BG13" s="657">
        <v>4615452</v>
      </c>
      <c r="BH13" s="658"/>
      <c r="BI13" s="658"/>
      <c r="BJ13" s="658"/>
      <c r="BK13" s="658"/>
      <c r="BL13" s="658"/>
      <c r="BM13" s="658"/>
      <c r="BN13" s="659"/>
      <c r="BO13" s="695">
        <v>48.9</v>
      </c>
      <c r="BP13" s="695"/>
      <c r="BQ13" s="695"/>
      <c r="BR13" s="695"/>
      <c r="BS13" s="696" t="s">
        <v>237</v>
      </c>
      <c r="BT13" s="696"/>
      <c r="BU13" s="696"/>
      <c r="BV13" s="696"/>
      <c r="BW13" s="696"/>
      <c r="BX13" s="696"/>
      <c r="BY13" s="696"/>
      <c r="BZ13" s="696"/>
      <c r="CA13" s="696"/>
      <c r="CB13" s="736"/>
      <c r="CD13" s="654" t="s">
        <v>258</v>
      </c>
      <c r="CE13" s="655"/>
      <c r="CF13" s="655"/>
      <c r="CG13" s="655"/>
      <c r="CH13" s="655"/>
      <c r="CI13" s="655"/>
      <c r="CJ13" s="655"/>
      <c r="CK13" s="655"/>
      <c r="CL13" s="655"/>
      <c r="CM13" s="655"/>
      <c r="CN13" s="655"/>
      <c r="CO13" s="655"/>
      <c r="CP13" s="655"/>
      <c r="CQ13" s="656"/>
      <c r="CR13" s="657">
        <v>2150328</v>
      </c>
      <c r="CS13" s="658"/>
      <c r="CT13" s="658"/>
      <c r="CU13" s="658"/>
      <c r="CV13" s="658"/>
      <c r="CW13" s="658"/>
      <c r="CX13" s="658"/>
      <c r="CY13" s="659"/>
      <c r="CZ13" s="695">
        <v>11.4</v>
      </c>
      <c r="DA13" s="695"/>
      <c r="DB13" s="695"/>
      <c r="DC13" s="695"/>
      <c r="DD13" s="663">
        <v>976620</v>
      </c>
      <c r="DE13" s="658"/>
      <c r="DF13" s="658"/>
      <c r="DG13" s="658"/>
      <c r="DH13" s="658"/>
      <c r="DI13" s="658"/>
      <c r="DJ13" s="658"/>
      <c r="DK13" s="658"/>
      <c r="DL13" s="658"/>
      <c r="DM13" s="658"/>
      <c r="DN13" s="658"/>
      <c r="DO13" s="658"/>
      <c r="DP13" s="659"/>
      <c r="DQ13" s="663">
        <v>1210544</v>
      </c>
      <c r="DR13" s="658"/>
      <c r="DS13" s="658"/>
      <c r="DT13" s="658"/>
      <c r="DU13" s="658"/>
      <c r="DV13" s="658"/>
      <c r="DW13" s="658"/>
      <c r="DX13" s="658"/>
      <c r="DY13" s="658"/>
      <c r="DZ13" s="658"/>
      <c r="EA13" s="658"/>
      <c r="EB13" s="658"/>
      <c r="EC13" s="694"/>
    </row>
    <row r="14" spans="2:143" ht="11.25" customHeight="1" x14ac:dyDescent="0.2">
      <c r="B14" s="654" t="s">
        <v>259</v>
      </c>
      <c r="C14" s="655"/>
      <c r="D14" s="655"/>
      <c r="E14" s="655"/>
      <c r="F14" s="655"/>
      <c r="G14" s="655"/>
      <c r="H14" s="655"/>
      <c r="I14" s="655"/>
      <c r="J14" s="655"/>
      <c r="K14" s="655"/>
      <c r="L14" s="655"/>
      <c r="M14" s="655"/>
      <c r="N14" s="655"/>
      <c r="O14" s="655"/>
      <c r="P14" s="655"/>
      <c r="Q14" s="656"/>
      <c r="R14" s="657">
        <v>217</v>
      </c>
      <c r="S14" s="658"/>
      <c r="T14" s="658"/>
      <c r="U14" s="658"/>
      <c r="V14" s="658"/>
      <c r="W14" s="658"/>
      <c r="X14" s="658"/>
      <c r="Y14" s="659"/>
      <c r="Z14" s="695">
        <v>0</v>
      </c>
      <c r="AA14" s="695"/>
      <c r="AB14" s="695"/>
      <c r="AC14" s="695"/>
      <c r="AD14" s="696">
        <v>217</v>
      </c>
      <c r="AE14" s="696"/>
      <c r="AF14" s="696"/>
      <c r="AG14" s="696"/>
      <c r="AH14" s="696"/>
      <c r="AI14" s="696"/>
      <c r="AJ14" s="696"/>
      <c r="AK14" s="696"/>
      <c r="AL14" s="660">
        <v>0</v>
      </c>
      <c r="AM14" s="661"/>
      <c r="AN14" s="661"/>
      <c r="AO14" s="697"/>
      <c r="AP14" s="654" t="s">
        <v>260</v>
      </c>
      <c r="AQ14" s="655"/>
      <c r="AR14" s="655"/>
      <c r="AS14" s="655"/>
      <c r="AT14" s="655"/>
      <c r="AU14" s="655"/>
      <c r="AV14" s="655"/>
      <c r="AW14" s="655"/>
      <c r="AX14" s="655"/>
      <c r="AY14" s="655"/>
      <c r="AZ14" s="655"/>
      <c r="BA14" s="655"/>
      <c r="BB14" s="655"/>
      <c r="BC14" s="655"/>
      <c r="BD14" s="655"/>
      <c r="BE14" s="655"/>
      <c r="BF14" s="656"/>
      <c r="BG14" s="657">
        <v>128185</v>
      </c>
      <c r="BH14" s="658"/>
      <c r="BI14" s="658"/>
      <c r="BJ14" s="658"/>
      <c r="BK14" s="658"/>
      <c r="BL14" s="658"/>
      <c r="BM14" s="658"/>
      <c r="BN14" s="659"/>
      <c r="BO14" s="695">
        <v>1.4</v>
      </c>
      <c r="BP14" s="695"/>
      <c r="BQ14" s="695"/>
      <c r="BR14" s="695"/>
      <c r="BS14" s="696" t="s">
        <v>237</v>
      </c>
      <c r="BT14" s="696"/>
      <c r="BU14" s="696"/>
      <c r="BV14" s="696"/>
      <c r="BW14" s="696"/>
      <c r="BX14" s="696"/>
      <c r="BY14" s="696"/>
      <c r="BZ14" s="696"/>
      <c r="CA14" s="696"/>
      <c r="CB14" s="736"/>
      <c r="CD14" s="654" t="s">
        <v>261</v>
      </c>
      <c r="CE14" s="655"/>
      <c r="CF14" s="655"/>
      <c r="CG14" s="655"/>
      <c r="CH14" s="655"/>
      <c r="CI14" s="655"/>
      <c r="CJ14" s="655"/>
      <c r="CK14" s="655"/>
      <c r="CL14" s="655"/>
      <c r="CM14" s="655"/>
      <c r="CN14" s="655"/>
      <c r="CO14" s="655"/>
      <c r="CP14" s="655"/>
      <c r="CQ14" s="656"/>
      <c r="CR14" s="657">
        <v>714147</v>
      </c>
      <c r="CS14" s="658"/>
      <c r="CT14" s="658"/>
      <c r="CU14" s="658"/>
      <c r="CV14" s="658"/>
      <c r="CW14" s="658"/>
      <c r="CX14" s="658"/>
      <c r="CY14" s="659"/>
      <c r="CZ14" s="695">
        <v>3.8</v>
      </c>
      <c r="DA14" s="695"/>
      <c r="DB14" s="695"/>
      <c r="DC14" s="695"/>
      <c r="DD14" s="663">
        <v>20464</v>
      </c>
      <c r="DE14" s="658"/>
      <c r="DF14" s="658"/>
      <c r="DG14" s="658"/>
      <c r="DH14" s="658"/>
      <c r="DI14" s="658"/>
      <c r="DJ14" s="658"/>
      <c r="DK14" s="658"/>
      <c r="DL14" s="658"/>
      <c r="DM14" s="658"/>
      <c r="DN14" s="658"/>
      <c r="DO14" s="658"/>
      <c r="DP14" s="659"/>
      <c r="DQ14" s="663">
        <v>654568</v>
      </c>
      <c r="DR14" s="658"/>
      <c r="DS14" s="658"/>
      <c r="DT14" s="658"/>
      <c r="DU14" s="658"/>
      <c r="DV14" s="658"/>
      <c r="DW14" s="658"/>
      <c r="DX14" s="658"/>
      <c r="DY14" s="658"/>
      <c r="DZ14" s="658"/>
      <c r="EA14" s="658"/>
      <c r="EB14" s="658"/>
      <c r="EC14" s="694"/>
    </row>
    <row r="15" spans="2:143" ht="11.25" customHeight="1" x14ac:dyDescent="0.2">
      <c r="B15" s="654" t="s">
        <v>262</v>
      </c>
      <c r="C15" s="655"/>
      <c r="D15" s="655"/>
      <c r="E15" s="655"/>
      <c r="F15" s="655"/>
      <c r="G15" s="655"/>
      <c r="H15" s="655"/>
      <c r="I15" s="655"/>
      <c r="J15" s="655"/>
      <c r="K15" s="655"/>
      <c r="L15" s="655"/>
      <c r="M15" s="655"/>
      <c r="N15" s="655"/>
      <c r="O15" s="655"/>
      <c r="P15" s="655"/>
      <c r="Q15" s="656"/>
      <c r="R15" s="657" t="s">
        <v>237</v>
      </c>
      <c r="S15" s="658"/>
      <c r="T15" s="658"/>
      <c r="U15" s="658"/>
      <c r="V15" s="658"/>
      <c r="W15" s="658"/>
      <c r="X15" s="658"/>
      <c r="Y15" s="659"/>
      <c r="Z15" s="695" t="s">
        <v>237</v>
      </c>
      <c r="AA15" s="695"/>
      <c r="AB15" s="695"/>
      <c r="AC15" s="695"/>
      <c r="AD15" s="696" t="s">
        <v>237</v>
      </c>
      <c r="AE15" s="696"/>
      <c r="AF15" s="696"/>
      <c r="AG15" s="696"/>
      <c r="AH15" s="696"/>
      <c r="AI15" s="696"/>
      <c r="AJ15" s="696"/>
      <c r="AK15" s="696"/>
      <c r="AL15" s="660" t="s">
        <v>177</v>
      </c>
      <c r="AM15" s="661"/>
      <c r="AN15" s="661"/>
      <c r="AO15" s="697"/>
      <c r="AP15" s="654" t="s">
        <v>263</v>
      </c>
      <c r="AQ15" s="655"/>
      <c r="AR15" s="655"/>
      <c r="AS15" s="655"/>
      <c r="AT15" s="655"/>
      <c r="AU15" s="655"/>
      <c r="AV15" s="655"/>
      <c r="AW15" s="655"/>
      <c r="AX15" s="655"/>
      <c r="AY15" s="655"/>
      <c r="AZ15" s="655"/>
      <c r="BA15" s="655"/>
      <c r="BB15" s="655"/>
      <c r="BC15" s="655"/>
      <c r="BD15" s="655"/>
      <c r="BE15" s="655"/>
      <c r="BF15" s="656"/>
      <c r="BG15" s="657">
        <v>431996</v>
      </c>
      <c r="BH15" s="658"/>
      <c r="BI15" s="658"/>
      <c r="BJ15" s="658"/>
      <c r="BK15" s="658"/>
      <c r="BL15" s="658"/>
      <c r="BM15" s="658"/>
      <c r="BN15" s="659"/>
      <c r="BO15" s="695">
        <v>4.5999999999999996</v>
      </c>
      <c r="BP15" s="695"/>
      <c r="BQ15" s="695"/>
      <c r="BR15" s="695"/>
      <c r="BS15" s="696" t="s">
        <v>177</v>
      </c>
      <c r="BT15" s="696"/>
      <c r="BU15" s="696"/>
      <c r="BV15" s="696"/>
      <c r="BW15" s="696"/>
      <c r="BX15" s="696"/>
      <c r="BY15" s="696"/>
      <c r="BZ15" s="696"/>
      <c r="CA15" s="696"/>
      <c r="CB15" s="736"/>
      <c r="CD15" s="654" t="s">
        <v>264</v>
      </c>
      <c r="CE15" s="655"/>
      <c r="CF15" s="655"/>
      <c r="CG15" s="655"/>
      <c r="CH15" s="655"/>
      <c r="CI15" s="655"/>
      <c r="CJ15" s="655"/>
      <c r="CK15" s="655"/>
      <c r="CL15" s="655"/>
      <c r="CM15" s="655"/>
      <c r="CN15" s="655"/>
      <c r="CO15" s="655"/>
      <c r="CP15" s="655"/>
      <c r="CQ15" s="656"/>
      <c r="CR15" s="657">
        <v>1959257</v>
      </c>
      <c r="CS15" s="658"/>
      <c r="CT15" s="658"/>
      <c r="CU15" s="658"/>
      <c r="CV15" s="658"/>
      <c r="CW15" s="658"/>
      <c r="CX15" s="658"/>
      <c r="CY15" s="659"/>
      <c r="CZ15" s="695">
        <v>10.4</v>
      </c>
      <c r="DA15" s="695"/>
      <c r="DB15" s="695"/>
      <c r="DC15" s="695"/>
      <c r="DD15" s="663">
        <v>422458</v>
      </c>
      <c r="DE15" s="658"/>
      <c r="DF15" s="658"/>
      <c r="DG15" s="658"/>
      <c r="DH15" s="658"/>
      <c r="DI15" s="658"/>
      <c r="DJ15" s="658"/>
      <c r="DK15" s="658"/>
      <c r="DL15" s="658"/>
      <c r="DM15" s="658"/>
      <c r="DN15" s="658"/>
      <c r="DO15" s="658"/>
      <c r="DP15" s="659"/>
      <c r="DQ15" s="663">
        <v>1829895</v>
      </c>
      <c r="DR15" s="658"/>
      <c r="DS15" s="658"/>
      <c r="DT15" s="658"/>
      <c r="DU15" s="658"/>
      <c r="DV15" s="658"/>
      <c r="DW15" s="658"/>
      <c r="DX15" s="658"/>
      <c r="DY15" s="658"/>
      <c r="DZ15" s="658"/>
      <c r="EA15" s="658"/>
      <c r="EB15" s="658"/>
      <c r="EC15" s="694"/>
    </row>
    <row r="16" spans="2:143" ht="11.25" customHeight="1" x14ac:dyDescent="0.2">
      <c r="B16" s="654" t="s">
        <v>265</v>
      </c>
      <c r="C16" s="655"/>
      <c r="D16" s="655"/>
      <c r="E16" s="655"/>
      <c r="F16" s="655"/>
      <c r="G16" s="655"/>
      <c r="H16" s="655"/>
      <c r="I16" s="655"/>
      <c r="J16" s="655"/>
      <c r="K16" s="655"/>
      <c r="L16" s="655"/>
      <c r="M16" s="655"/>
      <c r="N16" s="655"/>
      <c r="O16" s="655"/>
      <c r="P16" s="655"/>
      <c r="Q16" s="656"/>
      <c r="R16" s="657">
        <v>22767</v>
      </c>
      <c r="S16" s="658"/>
      <c r="T16" s="658"/>
      <c r="U16" s="658"/>
      <c r="V16" s="658"/>
      <c r="W16" s="658"/>
      <c r="X16" s="658"/>
      <c r="Y16" s="659"/>
      <c r="Z16" s="695">
        <v>0.1</v>
      </c>
      <c r="AA16" s="695"/>
      <c r="AB16" s="695"/>
      <c r="AC16" s="695"/>
      <c r="AD16" s="696">
        <v>22767</v>
      </c>
      <c r="AE16" s="696"/>
      <c r="AF16" s="696"/>
      <c r="AG16" s="696"/>
      <c r="AH16" s="696"/>
      <c r="AI16" s="696"/>
      <c r="AJ16" s="696"/>
      <c r="AK16" s="696"/>
      <c r="AL16" s="660">
        <v>0.2</v>
      </c>
      <c r="AM16" s="661"/>
      <c r="AN16" s="661"/>
      <c r="AO16" s="697"/>
      <c r="AP16" s="654" t="s">
        <v>266</v>
      </c>
      <c r="AQ16" s="655"/>
      <c r="AR16" s="655"/>
      <c r="AS16" s="655"/>
      <c r="AT16" s="655"/>
      <c r="AU16" s="655"/>
      <c r="AV16" s="655"/>
      <c r="AW16" s="655"/>
      <c r="AX16" s="655"/>
      <c r="AY16" s="655"/>
      <c r="AZ16" s="655"/>
      <c r="BA16" s="655"/>
      <c r="BB16" s="655"/>
      <c r="BC16" s="655"/>
      <c r="BD16" s="655"/>
      <c r="BE16" s="655"/>
      <c r="BF16" s="656"/>
      <c r="BG16" s="657" t="s">
        <v>237</v>
      </c>
      <c r="BH16" s="658"/>
      <c r="BI16" s="658"/>
      <c r="BJ16" s="658"/>
      <c r="BK16" s="658"/>
      <c r="BL16" s="658"/>
      <c r="BM16" s="658"/>
      <c r="BN16" s="659"/>
      <c r="BO16" s="695" t="s">
        <v>237</v>
      </c>
      <c r="BP16" s="695"/>
      <c r="BQ16" s="695"/>
      <c r="BR16" s="695"/>
      <c r="BS16" s="696" t="s">
        <v>237</v>
      </c>
      <c r="BT16" s="696"/>
      <c r="BU16" s="696"/>
      <c r="BV16" s="696"/>
      <c r="BW16" s="696"/>
      <c r="BX16" s="696"/>
      <c r="BY16" s="696"/>
      <c r="BZ16" s="696"/>
      <c r="CA16" s="696"/>
      <c r="CB16" s="736"/>
      <c r="CD16" s="654" t="s">
        <v>267</v>
      </c>
      <c r="CE16" s="655"/>
      <c r="CF16" s="655"/>
      <c r="CG16" s="655"/>
      <c r="CH16" s="655"/>
      <c r="CI16" s="655"/>
      <c r="CJ16" s="655"/>
      <c r="CK16" s="655"/>
      <c r="CL16" s="655"/>
      <c r="CM16" s="655"/>
      <c r="CN16" s="655"/>
      <c r="CO16" s="655"/>
      <c r="CP16" s="655"/>
      <c r="CQ16" s="656"/>
      <c r="CR16" s="657" t="s">
        <v>237</v>
      </c>
      <c r="CS16" s="658"/>
      <c r="CT16" s="658"/>
      <c r="CU16" s="658"/>
      <c r="CV16" s="658"/>
      <c r="CW16" s="658"/>
      <c r="CX16" s="658"/>
      <c r="CY16" s="659"/>
      <c r="CZ16" s="695" t="s">
        <v>237</v>
      </c>
      <c r="DA16" s="695"/>
      <c r="DB16" s="695"/>
      <c r="DC16" s="695"/>
      <c r="DD16" s="663" t="s">
        <v>237</v>
      </c>
      <c r="DE16" s="658"/>
      <c r="DF16" s="658"/>
      <c r="DG16" s="658"/>
      <c r="DH16" s="658"/>
      <c r="DI16" s="658"/>
      <c r="DJ16" s="658"/>
      <c r="DK16" s="658"/>
      <c r="DL16" s="658"/>
      <c r="DM16" s="658"/>
      <c r="DN16" s="658"/>
      <c r="DO16" s="658"/>
      <c r="DP16" s="659"/>
      <c r="DQ16" s="663" t="s">
        <v>237</v>
      </c>
      <c r="DR16" s="658"/>
      <c r="DS16" s="658"/>
      <c r="DT16" s="658"/>
      <c r="DU16" s="658"/>
      <c r="DV16" s="658"/>
      <c r="DW16" s="658"/>
      <c r="DX16" s="658"/>
      <c r="DY16" s="658"/>
      <c r="DZ16" s="658"/>
      <c r="EA16" s="658"/>
      <c r="EB16" s="658"/>
      <c r="EC16" s="694"/>
    </row>
    <row r="17" spans="2:133" ht="11.25" customHeight="1" x14ac:dyDescent="0.2">
      <c r="B17" s="654" t="s">
        <v>268</v>
      </c>
      <c r="C17" s="655"/>
      <c r="D17" s="655"/>
      <c r="E17" s="655"/>
      <c r="F17" s="655"/>
      <c r="G17" s="655"/>
      <c r="H17" s="655"/>
      <c r="I17" s="655"/>
      <c r="J17" s="655"/>
      <c r="K17" s="655"/>
      <c r="L17" s="655"/>
      <c r="M17" s="655"/>
      <c r="N17" s="655"/>
      <c r="O17" s="655"/>
      <c r="P17" s="655"/>
      <c r="Q17" s="656"/>
      <c r="R17" s="657">
        <v>128817</v>
      </c>
      <c r="S17" s="658"/>
      <c r="T17" s="658"/>
      <c r="U17" s="658"/>
      <c r="V17" s="658"/>
      <c r="W17" s="658"/>
      <c r="X17" s="658"/>
      <c r="Y17" s="659"/>
      <c r="Z17" s="695">
        <v>0.6</v>
      </c>
      <c r="AA17" s="695"/>
      <c r="AB17" s="695"/>
      <c r="AC17" s="695"/>
      <c r="AD17" s="696">
        <v>128817</v>
      </c>
      <c r="AE17" s="696"/>
      <c r="AF17" s="696"/>
      <c r="AG17" s="696"/>
      <c r="AH17" s="696"/>
      <c r="AI17" s="696"/>
      <c r="AJ17" s="696"/>
      <c r="AK17" s="696"/>
      <c r="AL17" s="660">
        <v>1.2</v>
      </c>
      <c r="AM17" s="661"/>
      <c r="AN17" s="661"/>
      <c r="AO17" s="697"/>
      <c r="AP17" s="654" t="s">
        <v>269</v>
      </c>
      <c r="AQ17" s="655"/>
      <c r="AR17" s="655"/>
      <c r="AS17" s="655"/>
      <c r="AT17" s="655"/>
      <c r="AU17" s="655"/>
      <c r="AV17" s="655"/>
      <c r="AW17" s="655"/>
      <c r="AX17" s="655"/>
      <c r="AY17" s="655"/>
      <c r="AZ17" s="655"/>
      <c r="BA17" s="655"/>
      <c r="BB17" s="655"/>
      <c r="BC17" s="655"/>
      <c r="BD17" s="655"/>
      <c r="BE17" s="655"/>
      <c r="BF17" s="656"/>
      <c r="BG17" s="657" t="s">
        <v>237</v>
      </c>
      <c r="BH17" s="658"/>
      <c r="BI17" s="658"/>
      <c r="BJ17" s="658"/>
      <c r="BK17" s="658"/>
      <c r="BL17" s="658"/>
      <c r="BM17" s="658"/>
      <c r="BN17" s="659"/>
      <c r="BO17" s="695" t="s">
        <v>237</v>
      </c>
      <c r="BP17" s="695"/>
      <c r="BQ17" s="695"/>
      <c r="BR17" s="695"/>
      <c r="BS17" s="696" t="s">
        <v>237</v>
      </c>
      <c r="BT17" s="696"/>
      <c r="BU17" s="696"/>
      <c r="BV17" s="696"/>
      <c r="BW17" s="696"/>
      <c r="BX17" s="696"/>
      <c r="BY17" s="696"/>
      <c r="BZ17" s="696"/>
      <c r="CA17" s="696"/>
      <c r="CB17" s="736"/>
      <c r="CD17" s="654" t="s">
        <v>270</v>
      </c>
      <c r="CE17" s="655"/>
      <c r="CF17" s="655"/>
      <c r="CG17" s="655"/>
      <c r="CH17" s="655"/>
      <c r="CI17" s="655"/>
      <c r="CJ17" s="655"/>
      <c r="CK17" s="655"/>
      <c r="CL17" s="655"/>
      <c r="CM17" s="655"/>
      <c r="CN17" s="655"/>
      <c r="CO17" s="655"/>
      <c r="CP17" s="655"/>
      <c r="CQ17" s="656"/>
      <c r="CR17" s="657">
        <v>1082855</v>
      </c>
      <c r="CS17" s="658"/>
      <c r="CT17" s="658"/>
      <c r="CU17" s="658"/>
      <c r="CV17" s="658"/>
      <c r="CW17" s="658"/>
      <c r="CX17" s="658"/>
      <c r="CY17" s="659"/>
      <c r="CZ17" s="695">
        <v>5.7</v>
      </c>
      <c r="DA17" s="695"/>
      <c r="DB17" s="695"/>
      <c r="DC17" s="695"/>
      <c r="DD17" s="663" t="s">
        <v>237</v>
      </c>
      <c r="DE17" s="658"/>
      <c r="DF17" s="658"/>
      <c r="DG17" s="658"/>
      <c r="DH17" s="658"/>
      <c r="DI17" s="658"/>
      <c r="DJ17" s="658"/>
      <c r="DK17" s="658"/>
      <c r="DL17" s="658"/>
      <c r="DM17" s="658"/>
      <c r="DN17" s="658"/>
      <c r="DO17" s="658"/>
      <c r="DP17" s="659"/>
      <c r="DQ17" s="663">
        <v>1082855</v>
      </c>
      <c r="DR17" s="658"/>
      <c r="DS17" s="658"/>
      <c r="DT17" s="658"/>
      <c r="DU17" s="658"/>
      <c r="DV17" s="658"/>
      <c r="DW17" s="658"/>
      <c r="DX17" s="658"/>
      <c r="DY17" s="658"/>
      <c r="DZ17" s="658"/>
      <c r="EA17" s="658"/>
      <c r="EB17" s="658"/>
      <c r="EC17" s="694"/>
    </row>
    <row r="18" spans="2:133" ht="11.25" customHeight="1" x14ac:dyDescent="0.2">
      <c r="B18" s="654" t="s">
        <v>271</v>
      </c>
      <c r="C18" s="655"/>
      <c r="D18" s="655"/>
      <c r="E18" s="655"/>
      <c r="F18" s="655"/>
      <c r="G18" s="655"/>
      <c r="H18" s="655"/>
      <c r="I18" s="655"/>
      <c r="J18" s="655"/>
      <c r="K18" s="655"/>
      <c r="L18" s="655"/>
      <c r="M18" s="655"/>
      <c r="N18" s="655"/>
      <c r="O18" s="655"/>
      <c r="P18" s="655"/>
      <c r="Q18" s="656"/>
      <c r="R18" s="657">
        <v>85769</v>
      </c>
      <c r="S18" s="658"/>
      <c r="T18" s="658"/>
      <c r="U18" s="658"/>
      <c r="V18" s="658"/>
      <c r="W18" s="658"/>
      <c r="X18" s="658"/>
      <c r="Y18" s="659"/>
      <c r="Z18" s="695">
        <v>0.4</v>
      </c>
      <c r="AA18" s="695"/>
      <c r="AB18" s="695"/>
      <c r="AC18" s="695"/>
      <c r="AD18" s="696">
        <v>85769</v>
      </c>
      <c r="AE18" s="696"/>
      <c r="AF18" s="696"/>
      <c r="AG18" s="696"/>
      <c r="AH18" s="696"/>
      <c r="AI18" s="696"/>
      <c r="AJ18" s="696"/>
      <c r="AK18" s="696"/>
      <c r="AL18" s="660">
        <v>0.8</v>
      </c>
      <c r="AM18" s="661"/>
      <c r="AN18" s="661"/>
      <c r="AO18" s="697"/>
      <c r="AP18" s="654" t="s">
        <v>272</v>
      </c>
      <c r="AQ18" s="655"/>
      <c r="AR18" s="655"/>
      <c r="AS18" s="655"/>
      <c r="AT18" s="655"/>
      <c r="AU18" s="655"/>
      <c r="AV18" s="655"/>
      <c r="AW18" s="655"/>
      <c r="AX18" s="655"/>
      <c r="AY18" s="655"/>
      <c r="AZ18" s="655"/>
      <c r="BA18" s="655"/>
      <c r="BB18" s="655"/>
      <c r="BC18" s="655"/>
      <c r="BD18" s="655"/>
      <c r="BE18" s="655"/>
      <c r="BF18" s="656"/>
      <c r="BG18" s="657" t="s">
        <v>177</v>
      </c>
      <c r="BH18" s="658"/>
      <c r="BI18" s="658"/>
      <c r="BJ18" s="658"/>
      <c r="BK18" s="658"/>
      <c r="BL18" s="658"/>
      <c r="BM18" s="658"/>
      <c r="BN18" s="659"/>
      <c r="BO18" s="695" t="s">
        <v>237</v>
      </c>
      <c r="BP18" s="695"/>
      <c r="BQ18" s="695"/>
      <c r="BR18" s="695"/>
      <c r="BS18" s="696" t="s">
        <v>237</v>
      </c>
      <c r="BT18" s="696"/>
      <c r="BU18" s="696"/>
      <c r="BV18" s="696"/>
      <c r="BW18" s="696"/>
      <c r="BX18" s="696"/>
      <c r="BY18" s="696"/>
      <c r="BZ18" s="696"/>
      <c r="CA18" s="696"/>
      <c r="CB18" s="736"/>
      <c r="CD18" s="654" t="s">
        <v>273</v>
      </c>
      <c r="CE18" s="655"/>
      <c r="CF18" s="655"/>
      <c r="CG18" s="655"/>
      <c r="CH18" s="655"/>
      <c r="CI18" s="655"/>
      <c r="CJ18" s="655"/>
      <c r="CK18" s="655"/>
      <c r="CL18" s="655"/>
      <c r="CM18" s="655"/>
      <c r="CN18" s="655"/>
      <c r="CO18" s="655"/>
      <c r="CP18" s="655"/>
      <c r="CQ18" s="656"/>
      <c r="CR18" s="657" t="s">
        <v>237</v>
      </c>
      <c r="CS18" s="658"/>
      <c r="CT18" s="658"/>
      <c r="CU18" s="658"/>
      <c r="CV18" s="658"/>
      <c r="CW18" s="658"/>
      <c r="CX18" s="658"/>
      <c r="CY18" s="659"/>
      <c r="CZ18" s="695" t="s">
        <v>177</v>
      </c>
      <c r="DA18" s="695"/>
      <c r="DB18" s="695"/>
      <c r="DC18" s="695"/>
      <c r="DD18" s="663" t="s">
        <v>237</v>
      </c>
      <c r="DE18" s="658"/>
      <c r="DF18" s="658"/>
      <c r="DG18" s="658"/>
      <c r="DH18" s="658"/>
      <c r="DI18" s="658"/>
      <c r="DJ18" s="658"/>
      <c r="DK18" s="658"/>
      <c r="DL18" s="658"/>
      <c r="DM18" s="658"/>
      <c r="DN18" s="658"/>
      <c r="DO18" s="658"/>
      <c r="DP18" s="659"/>
      <c r="DQ18" s="663" t="s">
        <v>177</v>
      </c>
      <c r="DR18" s="658"/>
      <c r="DS18" s="658"/>
      <c r="DT18" s="658"/>
      <c r="DU18" s="658"/>
      <c r="DV18" s="658"/>
      <c r="DW18" s="658"/>
      <c r="DX18" s="658"/>
      <c r="DY18" s="658"/>
      <c r="DZ18" s="658"/>
      <c r="EA18" s="658"/>
      <c r="EB18" s="658"/>
      <c r="EC18" s="694"/>
    </row>
    <row r="19" spans="2:133" ht="11.25" customHeight="1" x14ac:dyDescent="0.2">
      <c r="B19" s="654" t="s">
        <v>274</v>
      </c>
      <c r="C19" s="655"/>
      <c r="D19" s="655"/>
      <c r="E19" s="655"/>
      <c r="F19" s="655"/>
      <c r="G19" s="655"/>
      <c r="H19" s="655"/>
      <c r="I19" s="655"/>
      <c r="J19" s="655"/>
      <c r="K19" s="655"/>
      <c r="L19" s="655"/>
      <c r="M19" s="655"/>
      <c r="N19" s="655"/>
      <c r="O19" s="655"/>
      <c r="P19" s="655"/>
      <c r="Q19" s="656"/>
      <c r="R19" s="657">
        <v>84751</v>
      </c>
      <c r="S19" s="658"/>
      <c r="T19" s="658"/>
      <c r="U19" s="658"/>
      <c r="V19" s="658"/>
      <c r="W19" s="658"/>
      <c r="X19" s="658"/>
      <c r="Y19" s="659"/>
      <c r="Z19" s="695">
        <v>0.4</v>
      </c>
      <c r="AA19" s="695"/>
      <c r="AB19" s="695"/>
      <c r="AC19" s="695"/>
      <c r="AD19" s="696">
        <v>84751</v>
      </c>
      <c r="AE19" s="696"/>
      <c r="AF19" s="696"/>
      <c r="AG19" s="696"/>
      <c r="AH19" s="696"/>
      <c r="AI19" s="696"/>
      <c r="AJ19" s="696"/>
      <c r="AK19" s="696"/>
      <c r="AL19" s="660">
        <v>0.8</v>
      </c>
      <c r="AM19" s="661"/>
      <c r="AN19" s="661"/>
      <c r="AO19" s="697"/>
      <c r="AP19" s="654" t="s">
        <v>275</v>
      </c>
      <c r="AQ19" s="655"/>
      <c r="AR19" s="655"/>
      <c r="AS19" s="655"/>
      <c r="AT19" s="655"/>
      <c r="AU19" s="655"/>
      <c r="AV19" s="655"/>
      <c r="AW19" s="655"/>
      <c r="AX19" s="655"/>
      <c r="AY19" s="655"/>
      <c r="AZ19" s="655"/>
      <c r="BA19" s="655"/>
      <c r="BB19" s="655"/>
      <c r="BC19" s="655"/>
      <c r="BD19" s="655"/>
      <c r="BE19" s="655"/>
      <c r="BF19" s="656"/>
      <c r="BG19" s="657">
        <v>526351</v>
      </c>
      <c r="BH19" s="658"/>
      <c r="BI19" s="658"/>
      <c r="BJ19" s="658"/>
      <c r="BK19" s="658"/>
      <c r="BL19" s="658"/>
      <c r="BM19" s="658"/>
      <c r="BN19" s="659"/>
      <c r="BO19" s="695">
        <v>5.6</v>
      </c>
      <c r="BP19" s="695"/>
      <c r="BQ19" s="695"/>
      <c r="BR19" s="695"/>
      <c r="BS19" s="696" t="s">
        <v>237</v>
      </c>
      <c r="BT19" s="696"/>
      <c r="BU19" s="696"/>
      <c r="BV19" s="696"/>
      <c r="BW19" s="696"/>
      <c r="BX19" s="696"/>
      <c r="BY19" s="696"/>
      <c r="BZ19" s="696"/>
      <c r="CA19" s="696"/>
      <c r="CB19" s="736"/>
      <c r="CD19" s="654" t="s">
        <v>276</v>
      </c>
      <c r="CE19" s="655"/>
      <c r="CF19" s="655"/>
      <c r="CG19" s="655"/>
      <c r="CH19" s="655"/>
      <c r="CI19" s="655"/>
      <c r="CJ19" s="655"/>
      <c r="CK19" s="655"/>
      <c r="CL19" s="655"/>
      <c r="CM19" s="655"/>
      <c r="CN19" s="655"/>
      <c r="CO19" s="655"/>
      <c r="CP19" s="655"/>
      <c r="CQ19" s="656"/>
      <c r="CR19" s="657" t="s">
        <v>177</v>
      </c>
      <c r="CS19" s="658"/>
      <c r="CT19" s="658"/>
      <c r="CU19" s="658"/>
      <c r="CV19" s="658"/>
      <c r="CW19" s="658"/>
      <c r="CX19" s="658"/>
      <c r="CY19" s="659"/>
      <c r="CZ19" s="695" t="s">
        <v>237</v>
      </c>
      <c r="DA19" s="695"/>
      <c r="DB19" s="695"/>
      <c r="DC19" s="695"/>
      <c r="DD19" s="663" t="s">
        <v>177</v>
      </c>
      <c r="DE19" s="658"/>
      <c r="DF19" s="658"/>
      <c r="DG19" s="658"/>
      <c r="DH19" s="658"/>
      <c r="DI19" s="658"/>
      <c r="DJ19" s="658"/>
      <c r="DK19" s="658"/>
      <c r="DL19" s="658"/>
      <c r="DM19" s="658"/>
      <c r="DN19" s="658"/>
      <c r="DO19" s="658"/>
      <c r="DP19" s="659"/>
      <c r="DQ19" s="663" t="s">
        <v>237</v>
      </c>
      <c r="DR19" s="658"/>
      <c r="DS19" s="658"/>
      <c r="DT19" s="658"/>
      <c r="DU19" s="658"/>
      <c r="DV19" s="658"/>
      <c r="DW19" s="658"/>
      <c r="DX19" s="658"/>
      <c r="DY19" s="658"/>
      <c r="DZ19" s="658"/>
      <c r="EA19" s="658"/>
      <c r="EB19" s="658"/>
      <c r="EC19" s="694"/>
    </row>
    <row r="20" spans="2:133" ht="11.25" customHeight="1" x14ac:dyDescent="0.2">
      <c r="B20" s="724" t="s">
        <v>277</v>
      </c>
      <c r="C20" s="725"/>
      <c r="D20" s="725"/>
      <c r="E20" s="725"/>
      <c r="F20" s="725"/>
      <c r="G20" s="725"/>
      <c r="H20" s="725"/>
      <c r="I20" s="725"/>
      <c r="J20" s="725"/>
      <c r="K20" s="725"/>
      <c r="L20" s="725"/>
      <c r="M20" s="725"/>
      <c r="N20" s="725"/>
      <c r="O20" s="725"/>
      <c r="P20" s="725"/>
      <c r="Q20" s="726"/>
      <c r="R20" s="657">
        <v>1018</v>
      </c>
      <c r="S20" s="658"/>
      <c r="T20" s="658"/>
      <c r="U20" s="658"/>
      <c r="V20" s="658"/>
      <c r="W20" s="658"/>
      <c r="X20" s="658"/>
      <c r="Y20" s="659"/>
      <c r="Z20" s="695">
        <v>0</v>
      </c>
      <c r="AA20" s="695"/>
      <c r="AB20" s="695"/>
      <c r="AC20" s="695"/>
      <c r="AD20" s="696">
        <v>1018</v>
      </c>
      <c r="AE20" s="696"/>
      <c r="AF20" s="696"/>
      <c r="AG20" s="696"/>
      <c r="AH20" s="696"/>
      <c r="AI20" s="696"/>
      <c r="AJ20" s="696"/>
      <c r="AK20" s="696"/>
      <c r="AL20" s="660">
        <v>0</v>
      </c>
      <c r="AM20" s="661"/>
      <c r="AN20" s="661"/>
      <c r="AO20" s="697"/>
      <c r="AP20" s="654" t="s">
        <v>278</v>
      </c>
      <c r="AQ20" s="655"/>
      <c r="AR20" s="655"/>
      <c r="AS20" s="655"/>
      <c r="AT20" s="655"/>
      <c r="AU20" s="655"/>
      <c r="AV20" s="655"/>
      <c r="AW20" s="655"/>
      <c r="AX20" s="655"/>
      <c r="AY20" s="655"/>
      <c r="AZ20" s="655"/>
      <c r="BA20" s="655"/>
      <c r="BB20" s="655"/>
      <c r="BC20" s="655"/>
      <c r="BD20" s="655"/>
      <c r="BE20" s="655"/>
      <c r="BF20" s="656"/>
      <c r="BG20" s="657">
        <v>526351</v>
      </c>
      <c r="BH20" s="658"/>
      <c r="BI20" s="658"/>
      <c r="BJ20" s="658"/>
      <c r="BK20" s="658"/>
      <c r="BL20" s="658"/>
      <c r="BM20" s="658"/>
      <c r="BN20" s="659"/>
      <c r="BO20" s="695">
        <v>5.6</v>
      </c>
      <c r="BP20" s="695"/>
      <c r="BQ20" s="695"/>
      <c r="BR20" s="695"/>
      <c r="BS20" s="696" t="s">
        <v>237</v>
      </c>
      <c r="BT20" s="696"/>
      <c r="BU20" s="696"/>
      <c r="BV20" s="696"/>
      <c r="BW20" s="696"/>
      <c r="BX20" s="696"/>
      <c r="BY20" s="696"/>
      <c r="BZ20" s="696"/>
      <c r="CA20" s="696"/>
      <c r="CB20" s="736"/>
      <c r="CD20" s="654" t="s">
        <v>279</v>
      </c>
      <c r="CE20" s="655"/>
      <c r="CF20" s="655"/>
      <c r="CG20" s="655"/>
      <c r="CH20" s="655"/>
      <c r="CI20" s="655"/>
      <c r="CJ20" s="655"/>
      <c r="CK20" s="655"/>
      <c r="CL20" s="655"/>
      <c r="CM20" s="655"/>
      <c r="CN20" s="655"/>
      <c r="CO20" s="655"/>
      <c r="CP20" s="655"/>
      <c r="CQ20" s="656"/>
      <c r="CR20" s="657">
        <v>18851296</v>
      </c>
      <c r="CS20" s="658"/>
      <c r="CT20" s="658"/>
      <c r="CU20" s="658"/>
      <c r="CV20" s="658"/>
      <c r="CW20" s="658"/>
      <c r="CX20" s="658"/>
      <c r="CY20" s="659"/>
      <c r="CZ20" s="695">
        <v>100</v>
      </c>
      <c r="DA20" s="695"/>
      <c r="DB20" s="695"/>
      <c r="DC20" s="695"/>
      <c r="DD20" s="663">
        <v>1627552</v>
      </c>
      <c r="DE20" s="658"/>
      <c r="DF20" s="658"/>
      <c r="DG20" s="658"/>
      <c r="DH20" s="658"/>
      <c r="DI20" s="658"/>
      <c r="DJ20" s="658"/>
      <c r="DK20" s="658"/>
      <c r="DL20" s="658"/>
      <c r="DM20" s="658"/>
      <c r="DN20" s="658"/>
      <c r="DO20" s="658"/>
      <c r="DP20" s="659"/>
      <c r="DQ20" s="663">
        <v>12687084</v>
      </c>
      <c r="DR20" s="658"/>
      <c r="DS20" s="658"/>
      <c r="DT20" s="658"/>
      <c r="DU20" s="658"/>
      <c r="DV20" s="658"/>
      <c r="DW20" s="658"/>
      <c r="DX20" s="658"/>
      <c r="DY20" s="658"/>
      <c r="DZ20" s="658"/>
      <c r="EA20" s="658"/>
      <c r="EB20" s="658"/>
      <c r="EC20" s="694"/>
    </row>
    <row r="21" spans="2:133" ht="11.25" customHeight="1" x14ac:dyDescent="0.2">
      <c r="B21" s="654" t="s">
        <v>280</v>
      </c>
      <c r="C21" s="655"/>
      <c r="D21" s="655"/>
      <c r="E21" s="655"/>
      <c r="F21" s="655"/>
      <c r="G21" s="655"/>
      <c r="H21" s="655"/>
      <c r="I21" s="655"/>
      <c r="J21" s="655"/>
      <c r="K21" s="655"/>
      <c r="L21" s="655"/>
      <c r="M21" s="655"/>
      <c r="N21" s="655"/>
      <c r="O21" s="655"/>
      <c r="P21" s="655"/>
      <c r="Q21" s="656"/>
      <c r="R21" s="657">
        <v>7236</v>
      </c>
      <c r="S21" s="658"/>
      <c r="T21" s="658"/>
      <c r="U21" s="658"/>
      <c r="V21" s="658"/>
      <c r="W21" s="658"/>
      <c r="X21" s="658"/>
      <c r="Y21" s="659"/>
      <c r="Z21" s="695">
        <v>0</v>
      </c>
      <c r="AA21" s="695"/>
      <c r="AB21" s="695"/>
      <c r="AC21" s="695"/>
      <c r="AD21" s="696" t="s">
        <v>177</v>
      </c>
      <c r="AE21" s="696"/>
      <c r="AF21" s="696"/>
      <c r="AG21" s="696"/>
      <c r="AH21" s="696"/>
      <c r="AI21" s="696"/>
      <c r="AJ21" s="696"/>
      <c r="AK21" s="696"/>
      <c r="AL21" s="660" t="s">
        <v>237</v>
      </c>
      <c r="AM21" s="661"/>
      <c r="AN21" s="661"/>
      <c r="AO21" s="697"/>
      <c r="AP21" s="654" t="s">
        <v>281</v>
      </c>
      <c r="AQ21" s="734"/>
      <c r="AR21" s="734"/>
      <c r="AS21" s="734"/>
      <c r="AT21" s="734"/>
      <c r="AU21" s="734"/>
      <c r="AV21" s="734"/>
      <c r="AW21" s="734"/>
      <c r="AX21" s="734"/>
      <c r="AY21" s="734"/>
      <c r="AZ21" s="734"/>
      <c r="BA21" s="734"/>
      <c r="BB21" s="734"/>
      <c r="BC21" s="734"/>
      <c r="BD21" s="734"/>
      <c r="BE21" s="734"/>
      <c r="BF21" s="735"/>
      <c r="BG21" s="657" t="s">
        <v>177</v>
      </c>
      <c r="BH21" s="658"/>
      <c r="BI21" s="658"/>
      <c r="BJ21" s="658"/>
      <c r="BK21" s="658"/>
      <c r="BL21" s="658"/>
      <c r="BM21" s="658"/>
      <c r="BN21" s="659"/>
      <c r="BO21" s="695" t="s">
        <v>237</v>
      </c>
      <c r="BP21" s="695"/>
      <c r="BQ21" s="695"/>
      <c r="BR21" s="695"/>
      <c r="BS21" s="696" t="s">
        <v>237</v>
      </c>
      <c r="BT21" s="696"/>
      <c r="BU21" s="696"/>
      <c r="BV21" s="696"/>
      <c r="BW21" s="696"/>
      <c r="BX21" s="696"/>
      <c r="BY21" s="696"/>
      <c r="BZ21" s="696"/>
      <c r="CA21" s="696"/>
      <c r="CB21" s="736"/>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82</v>
      </c>
      <c r="C22" s="655"/>
      <c r="D22" s="655"/>
      <c r="E22" s="655"/>
      <c r="F22" s="655"/>
      <c r="G22" s="655"/>
      <c r="H22" s="655"/>
      <c r="I22" s="655"/>
      <c r="J22" s="655"/>
      <c r="K22" s="655"/>
      <c r="L22" s="655"/>
      <c r="M22" s="655"/>
      <c r="N22" s="655"/>
      <c r="O22" s="655"/>
      <c r="P22" s="655"/>
      <c r="Q22" s="656"/>
      <c r="R22" s="657" t="s">
        <v>237</v>
      </c>
      <c r="S22" s="658"/>
      <c r="T22" s="658"/>
      <c r="U22" s="658"/>
      <c r="V22" s="658"/>
      <c r="W22" s="658"/>
      <c r="X22" s="658"/>
      <c r="Y22" s="659"/>
      <c r="Z22" s="695" t="s">
        <v>237</v>
      </c>
      <c r="AA22" s="695"/>
      <c r="AB22" s="695"/>
      <c r="AC22" s="695"/>
      <c r="AD22" s="696" t="s">
        <v>237</v>
      </c>
      <c r="AE22" s="696"/>
      <c r="AF22" s="696"/>
      <c r="AG22" s="696"/>
      <c r="AH22" s="696"/>
      <c r="AI22" s="696"/>
      <c r="AJ22" s="696"/>
      <c r="AK22" s="696"/>
      <c r="AL22" s="660" t="s">
        <v>237</v>
      </c>
      <c r="AM22" s="661"/>
      <c r="AN22" s="661"/>
      <c r="AO22" s="697"/>
      <c r="AP22" s="654" t="s">
        <v>283</v>
      </c>
      <c r="AQ22" s="734"/>
      <c r="AR22" s="734"/>
      <c r="AS22" s="734"/>
      <c r="AT22" s="734"/>
      <c r="AU22" s="734"/>
      <c r="AV22" s="734"/>
      <c r="AW22" s="734"/>
      <c r="AX22" s="734"/>
      <c r="AY22" s="734"/>
      <c r="AZ22" s="734"/>
      <c r="BA22" s="734"/>
      <c r="BB22" s="734"/>
      <c r="BC22" s="734"/>
      <c r="BD22" s="734"/>
      <c r="BE22" s="734"/>
      <c r="BF22" s="735"/>
      <c r="BG22" s="657" t="s">
        <v>177</v>
      </c>
      <c r="BH22" s="658"/>
      <c r="BI22" s="658"/>
      <c r="BJ22" s="658"/>
      <c r="BK22" s="658"/>
      <c r="BL22" s="658"/>
      <c r="BM22" s="658"/>
      <c r="BN22" s="659"/>
      <c r="BO22" s="695" t="s">
        <v>237</v>
      </c>
      <c r="BP22" s="695"/>
      <c r="BQ22" s="695"/>
      <c r="BR22" s="695"/>
      <c r="BS22" s="696" t="s">
        <v>237</v>
      </c>
      <c r="BT22" s="696"/>
      <c r="BU22" s="696"/>
      <c r="BV22" s="696"/>
      <c r="BW22" s="696"/>
      <c r="BX22" s="696"/>
      <c r="BY22" s="696"/>
      <c r="BZ22" s="696"/>
      <c r="CA22" s="696"/>
      <c r="CB22" s="736"/>
      <c r="CD22" s="709" t="s">
        <v>284</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85</v>
      </c>
      <c r="C23" s="655"/>
      <c r="D23" s="655"/>
      <c r="E23" s="655"/>
      <c r="F23" s="655"/>
      <c r="G23" s="655"/>
      <c r="H23" s="655"/>
      <c r="I23" s="655"/>
      <c r="J23" s="655"/>
      <c r="K23" s="655"/>
      <c r="L23" s="655"/>
      <c r="M23" s="655"/>
      <c r="N23" s="655"/>
      <c r="O23" s="655"/>
      <c r="P23" s="655"/>
      <c r="Q23" s="656"/>
      <c r="R23" s="657">
        <v>7183</v>
      </c>
      <c r="S23" s="658"/>
      <c r="T23" s="658"/>
      <c r="U23" s="658"/>
      <c r="V23" s="658"/>
      <c r="W23" s="658"/>
      <c r="X23" s="658"/>
      <c r="Y23" s="659"/>
      <c r="Z23" s="695">
        <v>0</v>
      </c>
      <c r="AA23" s="695"/>
      <c r="AB23" s="695"/>
      <c r="AC23" s="695"/>
      <c r="AD23" s="696" t="s">
        <v>237</v>
      </c>
      <c r="AE23" s="696"/>
      <c r="AF23" s="696"/>
      <c r="AG23" s="696"/>
      <c r="AH23" s="696"/>
      <c r="AI23" s="696"/>
      <c r="AJ23" s="696"/>
      <c r="AK23" s="696"/>
      <c r="AL23" s="660" t="s">
        <v>237</v>
      </c>
      <c r="AM23" s="661"/>
      <c r="AN23" s="661"/>
      <c r="AO23" s="697"/>
      <c r="AP23" s="654" t="s">
        <v>286</v>
      </c>
      <c r="AQ23" s="734"/>
      <c r="AR23" s="734"/>
      <c r="AS23" s="734"/>
      <c r="AT23" s="734"/>
      <c r="AU23" s="734"/>
      <c r="AV23" s="734"/>
      <c r="AW23" s="734"/>
      <c r="AX23" s="734"/>
      <c r="AY23" s="734"/>
      <c r="AZ23" s="734"/>
      <c r="BA23" s="734"/>
      <c r="BB23" s="734"/>
      <c r="BC23" s="734"/>
      <c r="BD23" s="734"/>
      <c r="BE23" s="734"/>
      <c r="BF23" s="735"/>
      <c r="BG23" s="657">
        <v>526351</v>
      </c>
      <c r="BH23" s="658"/>
      <c r="BI23" s="658"/>
      <c r="BJ23" s="658"/>
      <c r="BK23" s="658"/>
      <c r="BL23" s="658"/>
      <c r="BM23" s="658"/>
      <c r="BN23" s="659"/>
      <c r="BO23" s="695">
        <v>5.6</v>
      </c>
      <c r="BP23" s="695"/>
      <c r="BQ23" s="695"/>
      <c r="BR23" s="695"/>
      <c r="BS23" s="696" t="s">
        <v>237</v>
      </c>
      <c r="BT23" s="696"/>
      <c r="BU23" s="696"/>
      <c r="BV23" s="696"/>
      <c r="BW23" s="696"/>
      <c r="BX23" s="696"/>
      <c r="BY23" s="696"/>
      <c r="BZ23" s="696"/>
      <c r="CA23" s="696"/>
      <c r="CB23" s="736"/>
      <c r="CD23" s="709" t="s">
        <v>225</v>
      </c>
      <c r="CE23" s="710"/>
      <c r="CF23" s="710"/>
      <c r="CG23" s="710"/>
      <c r="CH23" s="710"/>
      <c r="CI23" s="710"/>
      <c r="CJ23" s="710"/>
      <c r="CK23" s="710"/>
      <c r="CL23" s="710"/>
      <c r="CM23" s="710"/>
      <c r="CN23" s="710"/>
      <c r="CO23" s="710"/>
      <c r="CP23" s="710"/>
      <c r="CQ23" s="711"/>
      <c r="CR23" s="709" t="s">
        <v>287</v>
      </c>
      <c r="CS23" s="710"/>
      <c r="CT23" s="710"/>
      <c r="CU23" s="710"/>
      <c r="CV23" s="710"/>
      <c r="CW23" s="710"/>
      <c r="CX23" s="710"/>
      <c r="CY23" s="711"/>
      <c r="CZ23" s="709" t="s">
        <v>288</v>
      </c>
      <c r="DA23" s="710"/>
      <c r="DB23" s="710"/>
      <c r="DC23" s="711"/>
      <c r="DD23" s="709" t="s">
        <v>289</v>
      </c>
      <c r="DE23" s="710"/>
      <c r="DF23" s="710"/>
      <c r="DG23" s="710"/>
      <c r="DH23" s="710"/>
      <c r="DI23" s="710"/>
      <c r="DJ23" s="710"/>
      <c r="DK23" s="711"/>
      <c r="DL23" s="747" t="s">
        <v>290</v>
      </c>
      <c r="DM23" s="748"/>
      <c r="DN23" s="748"/>
      <c r="DO23" s="748"/>
      <c r="DP23" s="748"/>
      <c r="DQ23" s="748"/>
      <c r="DR23" s="748"/>
      <c r="DS23" s="748"/>
      <c r="DT23" s="748"/>
      <c r="DU23" s="748"/>
      <c r="DV23" s="749"/>
      <c r="DW23" s="709" t="s">
        <v>291</v>
      </c>
      <c r="DX23" s="710"/>
      <c r="DY23" s="710"/>
      <c r="DZ23" s="710"/>
      <c r="EA23" s="710"/>
      <c r="EB23" s="710"/>
      <c r="EC23" s="711"/>
    </row>
    <row r="24" spans="2:133" ht="11.25" customHeight="1" x14ac:dyDescent="0.2">
      <c r="B24" s="654" t="s">
        <v>292</v>
      </c>
      <c r="C24" s="655"/>
      <c r="D24" s="655"/>
      <c r="E24" s="655"/>
      <c r="F24" s="655"/>
      <c r="G24" s="655"/>
      <c r="H24" s="655"/>
      <c r="I24" s="655"/>
      <c r="J24" s="655"/>
      <c r="K24" s="655"/>
      <c r="L24" s="655"/>
      <c r="M24" s="655"/>
      <c r="N24" s="655"/>
      <c r="O24" s="655"/>
      <c r="P24" s="655"/>
      <c r="Q24" s="656"/>
      <c r="R24" s="657">
        <v>53</v>
      </c>
      <c r="S24" s="658"/>
      <c r="T24" s="658"/>
      <c r="U24" s="658"/>
      <c r="V24" s="658"/>
      <c r="W24" s="658"/>
      <c r="X24" s="658"/>
      <c r="Y24" s="659"/>
      <c r="Z24" s="695">
        <v>0</v>
      </c>
      <c r="AA24" s="695"/>
      <c r="AB24" s="695"/>
      <c r="AC24" s="695"/>
      <c r="AD24" s="696" t="s">
        <v>237</v>
      </c>
      <c r="AE24" s="696"/>
      <c r="AF24" s="696"/>
      <c r="AG24" s="696"/>
      <c r="AH24" s="696"/>
      <c r="AI24" s="696"/>
      <c r="AJ24" s="696"/>
      <c r="AK24" s="696"/>
      <c r="AL24" s="660" t="s">
        <v>177</v>
      </c>
      <c r="AM24" s="661"/>
      <c r="AN24" s="661"/>
      <c r="AO24" s="697"/>
      <c r="AP24" s="654" t="s">
        <v>293</v>
      </c>
      <c r="AQ24" s="734"/>
      <c r="AR24" s="734"/>
      <c r="AS24" s="734"/>
      <c r="AT24" s="734"/>
      <c r="AU24" s="734"/>
      <c r="AV24" s="734"/>
      <c r="AW24" s="734"/>
      <c r="AX24" s="734"/>
      <c r="AY24" s="734"/>
      <c r="AZ24" s="734"/>
      <c r="BA24" s="734"/>
      <c r="BB24" s="734"/>
      <c r="BC24" s="734"/>
      <c r="BD24" s="734"/>
      <c r="BE24" s="734"/>
      <c r="BF24" s="735"/>
      <c r="BG24" s="657" t="s">
        <v>237</v>
      </c>
      <c r="BH24" s="658"/>
      <c r="BI24" s="658"/>
      <c r="BJ24" s="658"/>
      <c r="BK24" s="658"/>
      <c r="BL24" s="658"/>
      <c r="BM24" s="658"/>
      <c r="BN24" s="659"/>
      <c r="BO24" s="695" t="s">
        <v>237</v>
      </c>
      <c r="BP24" s="695"/>
      <c r="BQ24" s="695"/>
      <c r="BR24" s="695"/>
      <c r="BS24" s="696" t="s">
        <v>237</v>
      </c>
      <c r="BT24" s="696"/>
      <c r="BU24" s="696"/>
      <c r="BV24" s="696"/>
      <c r="BW24" s="696"/>
      <c r="BX24" s="696"/>
      <c r="BY24" s="696"/>
      <c r="BZ24" s="696"/>
      <c r="CA24" s="696"/>
      <c r="CB24" s="736"/>
      <c r="CD24" s="715" t="s">
        <v>294</v>
      </c>
      <c r="CE24" s="716"/>
      <c r="CF24" s="716"/>
      <c r="CG24" s="716"/>
      <c r="CH24" s="716"/>
      <c r="CI24" s="716"/>
      <c r="CJ24" s="716"/>
      <c r="CK24" s="716"/>
      <c r="CL24" s="716"/>
      <c r="CM24" s="716"/>
      <c r="CN24" s="716"/>
      <c r="CO24" s="716"/>
      <c r="CP24" s="716"/>
      <c r="CQ24" s="717"/>
      <c r="CR24" s="712">
        <v>8008646</v>
      </c>
      <c r="CS24" s="713"/>
      <c r="CT24" s="713"/>
      <c r="CU24" s="713"/>
      <c r="CV24" s="713"/>
      <c r="CW24" s="713"/>
      <c r="CX24" s="713"/>
      <c r="CY24" s="738"/>
      <c r="CZ24" s="739">
        <v>42.5</v>
      </c>
      <c r="DA24" s="721"/>
      <c r="DB24" s="721"/>
      <c r="DC24" s="741"/>
      <c r="DD24" s="737">
        <v>4894582</v>
      </c>
      <c r="DE24" s="713"/>
      <c r="DF24" s="713"/>
      <c r="DG24" s="713"/>
      <c r="DH24" s="713"/>
      <c r="DI24" s="713"/>
      <c r="DJ24" s="713"/>
      <c r="DK24" s="738"/>
      <c r="DL24" s="737">
        <v>4886381</v>
      </c>
      <c r="DM24" s="713"/>
      <c r="DN24" s="713"/>
      <c r="DO24" s="713"/>
      <c r="DP24" s="713"/>
      <c r="DQ24" s="713"/>
      <c r="DR24" s="713"/>
      <c r="DS24" s="713"/>
      <c r="DT24" s="713"/>
      <c r="DU24" s="713"/>
      <c r="DV24" s="738"/>
      <c r="DW24" s="739">
        <v>46.3</v>
      </c>
      <c r="DX24" s="721"/>
      <c r="DY24" s="721"/>
      <c r="DZ24" s="721"/>
      <c r="EA24" s="721"/>
      <c r="EB24" s="721"/>
      <c r="EC24" s="740"/>
    </row>
    <row r="25" spans="2:133" ht="11.25" customHeight="1" x14ac:dyDescent="0.2">
      <c r="B25" s="654" t="s">
        <v>295</v>
      </c>
      <c r="C25" s="655"/>
      <c r="D25" s="655"/>
      <c r="E25" s="655"/>
      <c r="F25" s="655"/>
      <c r="G25" s="655"/>
      <c r="H25" s="655"/>
      <c r="I25" s="655"/>
      <c r="J25" s="655"/>
      <c r="K25" s="655"/>
      <c r="L25" s="655"/>
      <c r="M25" s="655"/>
      <c r="N25" s="655"/>
      <c r="O25" s="655"/>
      <c r="P25" s="655"/>
      <c r="Q25" s="656"/>
      <c r="R25" s="657">
        <v>11041437</v>
      </c>
      <c r="S25" s="658"/>
      <c r="T25" s="658"/>
      <c r="U25" s="658"/>
      <c r="V25" s="658"/>
      <c r="W25" s="658"/>
      <c r="X25" s="658"/>
      <c r="Y25" s="659"/>
      <c r="Z25" s="695">
        <v>52.8</v>
      </c>
      <c r="AA25" s="695"/>
      <c r="AB25" s="695"/>
      <c r="AC25" s="695"/>
      <c r="AD25" s="696">
        <v>10507850</v>
      </c>
      <c r="AE25" s="696"/>
      <c r="AF25" s="696"/>
      <c r="AG25" s="696"/>
      <c r="AH25" s="696"/>
      <c r="AI25" s="696"/>
      <c r="AJ25" s="696"/>
      <c r="AK25" s="696"/>
      <c r="AL25" s="660">
        <v>99.6</v>
      </c>
      <c r="AM25" s="661"/>
      <c r="AN25" s="661"/>
      <c r="AO25" s="697"/>
      <c r="AP25" s="654" t="s">
        <v>296</v>
      </c>
      <c r="AQ25" s="734"/>
      <c r="AR25" s="734"/>
      <c r="AS25" s="734"/>
      <c r="AT25" s="734"/>
      <c r="AU25" s="734"/>
      <c r="AV25" s="734"/>
      <c r="AW25" s="734"/>
      <c r="AX25" s="734"/>
      <c r="AY25" s="734"/>
      <c r="AZ25" s="734"/>
      <c r="BA25" s="734"/>
      <c r="BB25" s="734"/>
      <c r="BC25" s="734"/>
      <c r="BD25" s="734"/>
      <c r="BE25" s="734"/>
      <c r="BF25" s="735"/>
      <c r="BG25" s="657" t="s">
        <v>237</v>
      </c>
      <c r="BH25" s="658"/>
      <c r="BI25" s="658"/>
      <c r="BJ25" s="658"/>
      <c r="BK25" s="658"/>
      <c r="BL25" s="658"/>
      <c r="BM25" s="658"/>
      <c r="BN25" s="659"/>
      <c r="BO25" s="695" t="s">
        <v>237</v>
      </c>
      <c r="BP25" s="695"/>
      <c r="BQ25" s="695"/>
      <c r="BR25" s="695"/>
      <c r="BS25" s="696" t="s">
        <v>237</v>
      </c>
      <c r="BT25" s="696"/>
      <c r="BU25" s="696"/>
      <c r="BV25" s="696"/>
      <c r="BW25" s="696"/>
      <c r="BX25" s="696"/>
      <c r="BY25" s="696"/>
      <c r="BZ25" s="696"/>
      <c r="CA25" s="696"/>
      <c r="CB25" s="736"/>
      <c r="CD25" s="654" t="s">
        <v>297</v>
      </c>
      <c r="CE25" s="655"/>
      <c r="CF25" s="655"/>
      <c r="CG25" s="655"/>
      <c r="CH25" s="655"/>
      <c r="CI25" s="655"/>
      <c r="CJ25" s="655"/>
      <c r="CK25" s="655"/>
      <c r="CL25" s="655"/>
      <c r="CM25" s="655"/>
      <c r="CN25" s="655"/>
      <c r="CO25" s="655"/>
      <c r="CP25" s="655"/>
      <c r="CQ25" s="656"/>
      <c r="CR25" s="657">
        <v>2898741</v>
      </c>
      <c r="CS25" s="670"/>
      <c r="CT25" s="670"/>
      <c r="CU25" s="670"/>
      <c r="CV25" s="670"/>
      <c r="CW25" s="670"/>
      <c r="CX25" s="670"/>
      <c r="CY25" s="671"/>
      <c r="CZ25" s="660">
        <v>15.4</v>
      </c>
      <c r="DA25" s="672"/>
      <c r="DB25" s="672"/>
      <c r="DC25" s="673"/>
      <c r="DD25" s="663">
        <v>2733441</v>
      </c>
      <c r="DE25" s="670"/>
      <c r="DF25" s="670"/>
      <c r="DG25" s="670"/>
      <c r="DH25" s="670"/>
      <c r="DI25" s="670"/>
      <c r="DJ25" s="670"/>
      <c r="DK25" s="671"/>
      <c r="DL25" s="663">
        <v>2732915</v>
      </c>
      <c r="DM25" s="670"/>
      <c r="DN25" s="670"/>
      <c r="DO25" s="670"/>
      <c r="DP25" s="670"/>
      <c r="DQ25" s="670"/>
      <c r="DR25" s="670"/>
      <c r="DS25" s="670"/>
      <c r="DT25" s="670"/>
      <c r="DU25" s="670"/>
      <c r="DV25" s="671"/>
      <c r="DW25" s="660">
        <v>25.9</v>
      </c>
      <c r="DX25" s="672"/>
      <c r="DY25" s="672"/>
      <c r="DZ25" s="672"/>
      <c r="EA25" s="672"/>
      <c r="EB25" s="672"/>
      <c r="EC25" s="684"/>
    </row>
    <row r="26" spans="2:133" ht="11.25" customHeight="1" x14ac:dyDescent="0.2">
      <c r="B26" s="654" t="s">
        <v>298</v>
      </c>
      <c r="C26" s="655"/>
      <c r="D26" s="655"/>
      <c r="E26" s="655"/>
      <c r="F26" s="655"/>
      <c r="G26" s="655"/>
      <c r="H26" s="655"/>
      <c r="I26" s="655"/>
      <c r="J26" s="655"/>
      <c r="K26" s="655"/>
      <c r="L26" s="655"/>
      <c r="M26" s="655"/>
      <c r="N26" s="655"/>
      <c r="O26" s="655"/>
      <c r="P26" s="655"/>
      <c r="Q26" s="656"/>
      <c r="R26" s="657">
        <v>6749</v>
      </c>
      <c r="S26" s="658"/>
      <c r="T26" s="658"/>
      <c r="U26" s="658"/>
      <c r="V26" s="658"/>
      <c r="W26" s="658"/>
      <c r="X26" s="658"/>
      <c r="Y26" s="659"/>
      <c r="Z26" s="695">
        <v>0</v>
      </c>
      <c r="AA26" s="695"/>
      <c r="AB26" s="695"/>
      <c r="AC26" s="695"/>
      <c r="AD26" s="696">
        <v>6749</v>
      </c>
      <c r="AE26" s="696"/>
      <c r="AF26" s="696"/>
      <c r="AG26" s="696"/>
      <c r="AH26" s="696"/>
      <c r="AI26" s="696"/>
      <c r="AJ26" s="696"/>
      <c r="AK26" s="696"/>
      <c r="AL26" s="660">
        <v>0.1</v>
      </c>
      <c r="AM26" s="661"/>
      <c r="AN26" s="661"/>
      <c r="AO26" s="697"/>
      <c r="AP26" s="654" t="s">
        <v>299</v>
      </c>
      <c r="AQ26" s="734"/>
      <c r="AR26" s="734"/>
      <c r="AS26" s="734"/>
      <c r="AT26" s="734"/>
      <c r="AU26" s="734"/>
      <c r="AV26" s="734"/>
      <c r="AW26" s="734"/>
      <c r="AX26" s="734"/>
      <c r="AY26" s="734"/>
      <c r="AZ26" s="734"/>
      <c r="BA26" s="734"/>
      <c r="BB26" s="734"/>
      <c r="BC26" s="734"/>
      <c r="BD26" s="734"/>
      <c r="BE26" s="734"/>
      <c r="BF26" s="735"/>
      <c r="BG26" s="657" t="s">
        <v>177</v>
      </c>
      <c r="BH26" s="658"/>
      <c r="BI26" s="658"/>
      <c r="BJ26" s="658"/>
      <c r="BK26" s="658"/>
      <c r="BL26" s="658"/>
      <c r="BM26" s="658"/>
      <c r="BN26" s="659"/>
      <c r="BO26" s="695" t="s">
        <v>177</v>
      </c>
      <c r="BP26" s="695"/>
      <c r="BQ26" s="695"/>
      <c r="BR26" s="695"/>
      <c r="BS26" s="696" t="s">
        <v>237</v>
      </c>
      <c r="BT26" s="696"/>
      <c r="BU26" s="696"/>
      <c r="BV26" s="696"/>
      <c r="BW26" s="696"/>
      <c r="BX26" s="696"/>
      <c r="BY26" s="696"/>
      <c r="BZ26" s="696"/>
      <c r="CA26" s="696"/>
      <c r="CB26" s="736"/>
      <c r="CD26" s="654" t="s">
        <v>300</v>
      </c>
      <c r="CE26" s="655"/>
      <c r="CF26" s="655"/>
      <c r="CG26" s="655"/>
      <c r="CH26" s="655"/>
      <c r="CI26" s="655"/>
      <c r="CJ26" s="655"/>
      <c r="CK26" s="655"/>
      <c r="CL26" s="655"/>
      <c r="CM26" s="655"/>
      <c r="CN26" s="655"/>
      <c r="CO26" s="655"/>
      <c r="CP26" s="655"/>
      <c r="CQ26" s="656"/>
      <c r="CR26" s="657">
        <v>1847434</v>
      </c>
      <c r="CS26" s="658"/>
      <c r="CT26" s="658"/>
      <c r="CU26" s="658"/>
      <c r="CV26" s="658"/>
      <c r="CW26" s="658"/>
      <c r="CX26" s="658"/>
      <c r="CY26" s="659"/>
      <c r="CZ26" s="660">
        <v>9.8000000000000007</v>
      </c>
      <c r="DA26" s="672"/>
      <c r="DB26" s="672"/>
      <c r="DC26" s="673"/>
      <c r="DD26" s="663">
        <v>1712510</v>
      </c>
      <c r="DE26" s="658"/>
      <c r="DF26" s="658"/>
      <c r="DG26" s="658"/>
      <c r="DH26" s="658"/>
      <c r="DI26" s="658"/>
      <c r="DJ26" s="658"/>
      <c r="DK26" s="659"/>
      <c r="DL26" s="663" t="s">
        <v>177</v>
      </c>
      <c r="DM26" s="658"/>
      <c r="DN26" s="658"/>
      <c r="DO26" s="658"/>
      <c r="DP26" s="658"/>
      <c r="DQ26" s="658"/>
      <c r="DR26" s="658"/>
      <c r="DS26" s="658"/>
      <c r="DT26" s="658"/>
      <c r="DU26" s="658"/>
      <c r="DV26" s="659"/>
      <c r="DW26" s="660" t="s">
        <v>237</v>
      </c>
      <c r="DX26" s="672"/>
      <c r="DY26" s="672"/>
      <c r="DZ26" s="672"/>
      <c r="EA26" s="672"/>
      <c r="EB26" s="672"/>
      <c r="EC26" s="684"/>
    </row>
    <row r="27" spans="2:133" ht="11.25" customHeight="1" x14ac:dyDescent="0.2">
      <c r="B27" s="654" t="s">
        <v>301</v>
      </c>
      <c r="C27" s="655"/>
      <c r="D27" s="655"/>
      <c r="E27" s="655"/>
      <c r="F27" s="655"/>
      <c r="G27" s="655"/>
      <c r="H27" s="655"/>
      <c r="I27" s="655"/>
      <c r="J27" s="655"/>
      <c r="K27" s="655"/>
      <c r="L27" s="655"/>
      <c r="M27" s="655"/>
      <c r="N27" s="655"/>
      <c r="O27" s="655"/>
      <c r="P27" s="655"/>
      <c r="Q27" s="656"/>
      <c r="R27" s="657">
        <v>463123</v>
      </c>
      <c r="S27" s="658"/>
      <c r="T27" s="658"/>
      <c r="U27" s="658"/>
      <c r="V27" s="658"/>
      <c r="W27" s="658"/>
      <c r="X27" s="658"/>
      <c r="Y27" s="659"/>
      <c r="Z27" s="695">
        <v>2.2000000000000002</v>
      </c>
      <c r="AA27" s="695"/>
      <c r="AB27" s="695"/>
      <c r="AC27" s="695"/>
      <c r="AD27" s="696" t="s">
        <v>237</v>
      </c>
      <c r="AE27" s="696"/>
      <c r="AF27" s="696"/>
      <c r="AG27" s="696"/>
      <c r="AH27" s="696"/>
      <c r="AI27" s="696"/>
      <c r="AJ27" s="696"/>
      <c r="AK27" s="696"/>
      <c r="AL27" s="660" t="s">
        <v>177</v>
      </c>
      <c r="AM27" s="661"/>
      <c r="AN27" s="661"/>
      <c r="AO27" s="697"/>
      <c r="AP27" s="654" t="s">
        <v>302</v>
      </c>
      <c r="AQ27" s="655"/>
      <c r="AR27" s="655"/>
      <c r="AS27" s="655"/>
      <c r="AT27" s="655"/>
      <c r="AU27" s="655"/>
      <c r="AV27" s="655"/>
      <c r="AW27" s="655"/>
      <c r="AX27" s="655"/>
      <c r="AY27" s="655"/>
      <c r="AZ27" s="655"/>
      <c r="BA27" s="655"/>
      <c r="BB27" s="655"/>
      <c r="BC27" s="655"/>
      <c r="BD27" s="655"/>
      <c r="BE27" s="655"/>
      <c r="BF27" s="656"/>
      <c r="BG27" s="657">
        <v>9444606</v>
      </c>
      <c r="BH27" s="658"/>
      <c r="BI27" s="658"/>
      <c r="BJ27" s="658"/>
      <c r="BK27" s="658"/>
      <c r="BL27" s="658"/>
      <c r="BM27" s="658"/>
      <c r="BN27" s="659"/>
      <c r="BO27" s="695">
        <v>100</v>
      </c>
      <c r="BP27" s="695"/>
      <c r="BQ27" s="695"/>
      <c r="BR27" s="695"/>
      <c r="BS27" s="696">
        <v>130155</v>
      </c>
      <c r="BT27" s="696"/>
      <c r="BU27" s="696"/>
      <c r="BV27" s="696"/>
      <c r="BW27" s="696"/>
      <c r="BX27" s="696"/>
      <c r="BY27" s="696"/>
      <c r="BZ27" s="696"/>
      <c r="CA27" s="696"/>
      <c r="CB27" s="736"/>
      <c r="CD27" s="654" t="s">
        <v>303</v>
      </c>
      <c r="CE27" s="655"/>
      <c r="CF27" s="655"/>
      <c r="CG27" s="655"/>
      <c r="CH27" s="655"/>
      <c r="CI27" s="655"/>
      <c r="CJ27" s="655"/>
      <c r="CK27" s="655"/>
      <c r="CL27" s="655"/>
      <c r="CM27" s="655"/>
      <c r="CN27" s="655"/>
      <c r="CO27" s="655"/>
      <c r="CP27" s="655"/>
      <c r="CQ27" s="656"/>
      <c r="CR27" s="657">
        <v>4027050</v>
      </c>
      <c r="CS27" s="670"/>
      <c r="CT27" s="670"/>
      <c r="CU27" s="670"/>
      <c r="CV27" s="670"/>
      <c r="CW27" s="670"/>
      <c r="CX27" s="670"/>
      <c r="CY27" s="671"/>
      <c r="CZ27" s="660">
        <v>21.4</v>
      </c>
      <c r="DA27" s="672"/>
      <c r="DB27" s="672"/>
      <c r="DC27" s="673"/>
      <c r="DD27" s="663">
        <v>1078286</v>
      </c>
      <c r="DE27" s="670"/>
      <c r="DF27" s="670"/>
      <c r="DG27" s="670"/>
      <c r="DH27" s="670"/>
      <c r="DI27" s="670"/>
      <c r="DJ27" s="670"/>
      <c r="DK27" s="671"/>
      <c r="DL27" s="663">
        <v>1070611</v>
      </c>
      <c r="DM27" s="670"/>
      <c r="DN27" s="670"/>
      <c r="DO27" s="670"/>
      <c r="DP27" s="670"/>
      <c r="DQ27" s="670"/>
      <c r="DR27" s="670"/>
      <c r="DS27" s="670"/>
      <c r="DT27" s="670"/>
      <c r="DU27" s="670"/>
      <c r="DV27" s="671"/>
      <c r="DW27" s="660">
        <v>10.1</v>
      </c>
      <c r="DX27" s="672"/>
      <c r="DY27" s="672"/>
      <c r="DZ27" s="672"/>
      <c r="EA27" s="672"/>
      <c r="EB27" s="672"/>
      <c r="EC27" s="684"/>
    </row>
    <row r="28" spans="2:133" ht="11.25" customHeight="1" x14ac:dyDescent="0.2">
      <c r="B28" s="654" t="s">
        <v>304</v>
      </c>
      <c r="C28" s="655"/>
      <c r="D28" s="655"/>
      <c r="E28" s="655"/>
      <c r="F28" s="655"/>
      <c r="G28" s="655"/>
      <c r="H28" s="655"/>
      <c r="I28" s="655"/>
      <c r="J28" s="655"/>
      <c r="K28" s="655"/>
      <c r="L28" s="655"/>
      <c r="M28" s="655"/>
      <c r="N28" s="655"/>
      <c r="O28" s="655"/>
      <c r="P28" s="655"/>
      <c r="Q28" s="656"/>
      <c r="R28" s="657">
        <v>46289</v>
      </c>
      <c r="S28" s="658"/>
      <c r="T28" s="658"/>
      <c r="U28" s="658"/>
      <c r="V28" s="658"/>
      <c r="W28" s="658"/>
      <c r="X28" s="658"/>
      <c r="Y28" s="659"/>
      <c r="Z28" s="695">
        <v>0.2</v>
      </c>
      <c r="AA28" s="695"/>
      <c r="AB28" s="695"/>
      <c r="AC28" s="695"/>
      <c r="AD28" s="696">
        <v>40554</v>
      </c>
      <c r="AE28" s="696"/>
      <c r="AF28" s="696"/>
      <c r="AG28" s="696"/>
      <c r="AH28" s="696"/>
      <c r="AI28" s="696"/>
      <c r="AJ28" s="696"/>
      <c r="AK28" s="696"/>
      <c r="AL28" s="660">
        <v>0.4</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05</v>
      </c>
      <c r="CE28" s="655"/>
      <c r="CF28" s="655"/>
      <c r="CG28" s="655"/>
      <c r="CH28" s="655"/>
      <c r="CI28" s="655"/>
      <c r="CJ28" s="655"/>
      <c r="CK28" s="655"/>
      <c r="CL28" s="655"/>
      <c r="CM28" s="655"/>
      <c r="CN28" s="655"/>
      <c r="CO28" s="655"/>
      <c r="CP28" s="655"/>
      <c r="CQ28" s="656"/>
      <c r="CR28" s="657">
        <v>1082855</v>
      </c>
      <c r="CS28" s="658"/>
      <c r="CT28" s="658"/>
      <c r="CU28" s="658"/>
      <c r="CV28" s="658"/>
      <c r="CW28" s="658"/>
      <c r="CX28" s="658"/>
      <c r="CY28" s="659"/>
      <c r="CZ28" s="660">
        <v>5.7</v>
      </c>
      <c r="DA28" s="672"/>
      <c r="DB28" s="672"/>
      <c r="DC28" s="673"/>
      <c r="DD28" s="663">
        <v>1082855</v>
      </c>
      <c r="DE28" s="658"/>
      <c r="DF28" s="658"/>
      <c r="DG28" s="658"/>
      <c r="DH28" s="658"/>
      <c r="DI28" s="658"/>
      <c r="DJ28" s="658"/>
      <c r="DK28" s="659"/>
      <c r="DL28" s="663">
        <v>1082855</v>
      </c>
      <c r="DM28" s="658"/>
      <c r="DN28" s="658"/>
      <c r="DO28" s="658"/>
      <c r="DP28" s="658"/>
      <c r="DQ28" s="658"/>
      <c r="DR28" s="658"/>
      <c r="DS28" s="658"/>
      <c r="DT28" s="658"/>
      <c r="DU28" s="658"/>
      <c r="DV28" s="659"/>
      <c r="DW28" s="660">
        <v>10.3</v>
      </c>
      <c r="DX28" s="672"/>
      <c r="DY28" s="672"/>
      <c r="DZ28" s="672"/>
      <c r="EA28" s="672"/>
      <c r="EB28" s="672"/>
      <c r="EC28" s="684"/>
    </row>
    <row r="29" spans="2:133" ht="11.25" customHeight="1" x14ac:dyDescent="0.2">
      <c r="B29" s="654" t="s">
        <v>306</v>
      </c>
      <c r="C29" s="655"/>
      <c r="D29" s="655"/>
      <c r="E29" s="655"/>
      <c r="F29" s="655"/>
      <c r="G29" s="655"/>
      <c r="H29" s="655"/>
      <c r="I29" s="655"/>
      <c r="J29" s="655"/>
      <c r="K29" s="655"/>
      <c r="L29" s="655"/>
      <c r="M29" s="655"/>
      <c r="N29" s="655"/>
      <c r="O29" s="655"/>
      <c r="P29" s="655"/>
      <c r="Q29" s="656"/>
      <c r="R29" s="657">
        <v>26463</v>
      </c>
      <c r="S29" s="658"/>
      <c r="T29" s="658"/>
      <c r="U29" s="658"/>
      <c r="V29" s="658"/>
      <c r="W29" s="658"/>
      <c r="X29" s="658"/>
      <c r="Y29" s="659"/>
      <c r="Z29" s="695">
        <v>0.1</v>
      </c>
      <c r="AA29" s="695"/>
      <c r="AB29" s="695"/>
      <c r="AC29" s="695"/>
      <c r="AD29" s="696" t="s">
        <v>177</v>
      </c>
      <c r="AE29" s="696"/>
      <c r="AF29" s="696"/>
      <c r="AG29" s="696"/>
      <c r="AH29" s="696"/>
      <c r="AI29" s="696"/>
      <c r="AJ29" s="696"/>
      <c r="AK29" s="696"/>
      <c r="AL29" s="660" t="s">
        <v>237</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6"/>
      <c r="CD29" s="676" t="s">
        <v>307</v>
      </c>
      <c r="CE29" s="677"/>
      <c r="CF29" s="654" t="s">
        <v>308</v>
      </c>
      <c r="CG29" s="655"/>
      <c r="CH29" s="655"/>
      <c r="CI29" s="655"/>
      <c r="CJ29" s="655"/>
      <c r="CK29" s="655"/>
      <c r="CL29" s="655"/>
      <c r="CM29" s="655"/>
      <c r="CN29" s="655"/>
      <c r="CO29" s="655"/>
      <c r="CP29" s="655"/>
      <c r="CQ29" s="656"/>
      <c r="CR29" s="657">
        <v>1082855</v>
      </c>
      <c r="CS29" s="670"/>
      <c r="CT29" s="670"/>
      <c r="CU29" s="670"/>
      <c r="CV29" s="670"/>
      <c r="CW29" s="670"/>
      <c r="CX29" s="670"/>
      <c r="CY29" s="671"/>
      <c r="CZ29" s="660">
        <v>5.7</v>
      </c>
      <c r="DA29" s="672"/>
      <c r="DB29" s="672"/>
      <c r="DC29" s="673"/>
      <c r="DD29" s="663">
        <v>1082855</v>
      </c>
      <c r="DE29" s="670"/>
      <c r="DF29" s="670"/>
      <c r="DG29" s="670"/>
      <c r="DH29" s="670"/>
      <c r="DI29" s="670"/>
      <c r="DJ29" s="670"/>
      <c r="DK29" s="671"/>
      <c r="DL29" s="663">
        <v>1082855</v>
      </c>
      <c r="DM29" s="670"/>
      <c r="DN29" s="670"/>
      <c r="DO29" s="670"/>
      <c r="DP29" s="670"/>
      <c r="DQ29" s="670"/>
      <c r="DR29" s="670"/>
      <c r="DS29" s="670"/>
      <c r="DT29" s="670"/>
      <c r="DU29" s="670"/>
      <c r="DV29" s="671"/>
      <c r="DW29" s="660">
        <v>10.3</v>
      </c>
      <c r="DX29" s="672"/>
      <c r="DY29" s="672"/>
      <c r="DZ29" s="672"/>
      <c r="EA29" s="672"/>
      <c r="EB29" s="672"/>
      <c r="EC29" s="684"/>
    </row>
    <row r="30" spans="2:133" ht="11.25" customHeight="1" x14ac:dyDescent="0.2">
      <c r="B30" s="654" t="s">
        <v>309</v>
      </c>
      <c r="C30" s="655"/>
      <c r="D30" s="655"/>
      <c r="E30" s="655"/>
      <c r="F30" s="655"/>
      <c r="G30" s="655"/>
      <c r="H30" s="655"/>
      <c r="I30" s="655"/>
      <c r="J30" s="655"/>
      <c r="K30" s="655"/>
      <c r="L30" s="655"/>
      <c r="M30" s="655"/>
      <c r="N30" s="655"/>
      <c r="O30" s="655"/>
      <c r="P30" s="655"/>
      <c r="Q30" s="656"/>
      <c r="R30" s="657">
        <v>3298431</v>
      </c>
      <c r="S30" s="658"/>
      <c r="T30" s="658"/>
      <c r="U30" s="658"/>
      <c r="V30" s="658"/>
      <c r="W30" s="658"/>
      <c r="X30" s="658"/>
      <c r="Y30" s="659"/>
      <c r="Z30" s="695">
        <v>15.8</v>
      </c>
      <c r="AA30" s="695"/>
      <c r="AB30" s="695"/>
      <c r="AC30" s="695"/>
      <c r="AD30" s="696" t="s">
        <v>237</v>
      </c>
      <c r="AE30" s="696"/>
      <c r="AF30" s="696"/>
      <c r="AG30" s="696"/>
      <c r="AH30" s="696"/>
      <c r="AI30" s="696"/>
      <c r="AJ30" s="696"/>
      <c r="AK30" s="696"/>
      <c r="AL30" s="660" t="s">
        <v>177</v>
      </c>
      <c r="AM30" s="661"/>
      <c r="AN30" s="661"/>
      <c r="AO30" s="697"/>
      <c r="AP30" s="709" t="s">
        <v>225</v>
      </c>
      <c r="AQ30" s="710"/>
      <c r="AR30" s="710"/>
      <c r="AS30" s="710"/>
      <c r="AT30" s="710"/>
      <c r="AU30" s="710"/>
      <c r="AV30" s="710"/>
      <c r="AW30" s="710"/>
      <c r="AX30" s="710"/>
      <c r="AY30" s="710"/>
      <c r="AZ30" s="710"/>
      <c r="BA30" s="710"/>
      <c r="BB30" s="710"/>
      <c r="BC30" s="710"/>
      <c r="BD30" s="710"/>
      <c r="BE30" s="710"/>
      <c r="BF30" s="711"/>
      <c r="BG30" s="709" t="s">
        <v>310</v>
      </c>
      <c r="BH30" s="727"/>
      <c r="BI30" s="727"/>
      <c r="BJ30" s="727"/>
      <c r="BK30" s="727"/>
      <c r="BL30" s="727"/>
      <c r="BM30" s="727"/>
      <c r="BN30" s="727"/>
      <c r="BO30" s="727"/>
      <c r="BP30" s="727"/>
      <c r="BQ30" s="728"/>
      <c r="BR30" s="709" t="s">
        <v>311</v>
      </c>
      <c r="BS30" s="727"/>
      <c r="BT30" s="727"/>
      <c r="BU30" s="727"/>
      <c r="BV30" s="727"/>
      <c r="BW30" s="727"/>
      <c r="BX30" s="727"/>
      <c r="BY30" s="727"/>
      <c r="BZ30" s="727"/>
      <c r="CA30" s="727"/>
      <c r="CB30" s="728"/>
      <c r="CD30" s="678"/>
      <c r="CE30" s="679"/>
      <c r="CF30" s="654" t="s">
        <v>312</v>
      </c>
      <c r="CG30" s="655"/>
      <c r="CH30" s="655"/>
      <c r="CI30" s="655"/>
      <c r="CJ30" s="655"/>
      <c r="CK30" s="655"/>
      <c r="CL30" s="655"/>
      <c r="CM30" s="655"/>
      <c r="CN30" s="655"/>
      <c r="CO30" s="655"/>
      <c r="CP30" s="655"/>
      <c r="CQ30" s="656"/>
      <c r="CR30" s="657">
        <v>1055836</v>
      </c>
      <c r="CS30" s="658"/>
      <c r="CT30" s="658"/>
      <c r="CU30" s="658"/>
      <c r="CV30" s="658"/>
      <c r="CW30" s="658"/>
      <c r="CX30" s="658"/>
      <c r="CY30" s="659"/>
      <c r="CZ30" s="660">
        <v>5.6</v>
      </c>
      <c r="DA30" s="672"/>
      <c r="DB30" s="672"/>
      <c r="DC30" s="673"/>
      <c r="DD30" s="663">
        <v>1055836</v>
      </c>
      <c r="DE30" s="658"/>
      <c r="DF30" s="658"/>
      <c r="DG30" s="658"/>
      <c r="DH30" s="658"/>
      <c r="DI30" s="658"/>
      <c r="DJ30" s="658"/>
      <c r="DK30" s="659"/>
      <c r="DL30" s="663">
        <v>1055836</v>
      </c>
      <c r="DM30" s="658"/>
      <c r="DN30" s="658"/>
      <c r="DO30" s="658"/>
      <c r="DP30" s="658"/>
      <c r="DQ30" s="658"/>
      <c r="DR30" s="658"/>
      <c r="DS30" s="658"/>
      <c r="DT30" s="658"/>
      <c r="DU30" s="658"/>
      <c r="DV30" s="659"/>
      <c r="DW30" s="660">
        <v>10</v>
      </c>
      <c r="DX30" s="672"/>
      <c r="DY30" s="672"/>
      <c r="DZ30" s="672"/>
      <c r="EA30" s="672"/>
      <c r="EB30" s="672"/>
      <c r="EC30" s="684"/>
    </row>
    <row r="31" spans="2:133" ht="11.25" customHeight="1" x14ac:dyDescent="0.2">
      <c r="B31" s="724" t="s">
        <v>313</v>
      </c>
      <c r="C31" s="725"/>
      <c r="D31" s="725"/>
      <c r="E31" s="725"/>
      <c r="F31" s="725"/>
      <c r="G31" s="725"/>
      <c r="H31" s="725"/>
      <c r="I31" s="725"/>
      <c r="J31" s="725"/>
      <c r="K31" s="725"/>
      <c r="L31" s="725"/>
      <c r="M31" s="725"/>
      <c r="N31" s="725"/>
      <c r="O31" s="725"/>
      <c r="P31" s="725"/>
      <c r="Q31" s="726"/>
      <c r="R31" s="657" t="s">
        <v>177</v>
      </c>
      <c r="S31" s="658"/>
      <c r="T31" s="658"/>
      <c r="U31" s="658"/>
      <c r="V31" s="658"/>
      <c r="W31" s="658"/>
      <c r="X31" s="658"/>
      <c r="Y31" s="659"/>
      <c r="Z31" s="695" t="s">
        <v>237</v>
      </c>
      <c r="AA31" s="695"/>
      <c r="AB31" s="695"/>
      <c r="AC31" s="695"/>
      <c r="AD31" s="696" t="s">
        <v>237</v>
      </c>
      <c r="AE31" s="696"/>
      <c r="AF31" s="696"/>
      <c r="AG31" s="696"/>
      <c r="AH31" s="696"/>
      <c r="AI31" s="696"/>
      <c r="AJ31" s="696"/>
      <c r="AK31" s="696"/>
      <c r="AL31" s="660" t="s">
        <v>237</v>
      </c>
      <c r="AM31" s="661"/>
      <c r="AN31" s="661"/>
      <c r="AO31" s="697"/>
      <c r="AP31" s="729" t="s">
        <v>314</v>
      </c>
      <c r="AQ31" s="730"/>
      <c r="AR31" s="730"/>
      <c r="AS31" s="730"/>
      <c r="AT31" s="731" t="s">
        <v>315</v>
      </c>
      <c r="AU31" s="218"/>
      <c r="AV31" s="218"/>
      <c r="AW31" s="218"/>
      <c r="AX31" s="715" t="s">
        <v>189</v>
      </c>
      <c r="AY31" s="716"/>
      <c r="AZ31" s="716"/>
      <c r="BA31" s="716"/>
      <c r="BB31" s="716"/>
      <c r="BC31" s="716"/>
      <c r="BD31" s="716"/>
      <c r="BE31" s="716"/>
      <c r="BF31" s="717"/>
      <c r="BG31" s="719">
        <v>99.3</v>
      </c>
      <c r="BH31" s="720"/>
      <c r="BI31" s="720"/>
      <c r="BJ31" s="720"/>
      <c r="BK31" s="720"/>
      <c r="BL31" s="720"/>
      <c r="BM31" s="721">
        <v>97.9</v>
      </c>
      <c r="BN31" s="720"/>
      <c r="BO31" s="720"/>
      <c r="BP31" s="720"/>
      <c r="BQ31" s="722"/>
      <c r="BR31" s="719">
        <v>99.4</v>
      </c>
      <c r="BS31" s="720"/>
      <c r="BT31" s="720"/>
      <c r="BU31" s="720"/>
      <c r="BV31" s="720"/>
      <c r="BW31" s="720"/>
      <c r="BX31" s="721">
        <v>97.9</v>
      </c>
      <c r="BY31" s="720"/>
      <c r="BZ31" s="720"/>
      <c r="CA31" s="720"/>
      <c r="CB31" s="722"/>
      <c r="CD31" s="678"/>
      <c r="CE31" s="679"/>
      <c r="CF31" s="654" t="s">
        <v>316</v>
      </c>
      <c r="CG31" s="655"/>
      <c r="CH31" s="655"/>
      <c r="CI31" s="655"/>
      <c r="CJ31" s="655"/>
      <c r="CK31" s="655"/>
      <c r="CL31" s="655"/>
      <c r="CM31" s="655"/>
      <c r="CN31" s="655"/>
      <c r="CO31" s="655"/>
      <c r="CP31" s="655"/>
      <c r="CQ31" s="656"/>
      <c r="CR31" s="657">
        <v>27019</v>
      </c>
      <c r="CS31" s="670"/>
      <c r="CT31" s="670"/>
      <c r="CU31" s="670"/>
      <c r="CV31" s="670"/>
      <c r="CW31" s="670"/>
      <c r="CX31" s="670"/>
      <c r="CY31" s="671"/>
      <c r="CZ31" s="660">
        <v>0.1</v>
      </c>
      <c r="DA31" s="672"/>
      <c r="DB31" s="672"/>
      <c r="DC31" s="673"/>
      <c r="DD31" s="663">
        <v>27019</v>
      </c>
      <c r="DE31" s="670"/>
      <c r="DF31" s="670"/>
      <c r="DG31" s="670"/>
      <c r="DH31" s="670"/>
      <c r="DI31" s="670"/>
      <c r="DJ31" s="670"/>
      <c r="DK31" s="671"/>
      <c r="DL31" s="663">
        <v>27019</v>
      </c>
      <c r="DM31" s="670"/>
      <c r="DN31" s="670"/>
      <c r="DO31" s="670"/>
      <c r="DP31" s="670"/>
      <c r="DQ31" s="670"/>
      <c r="DR31" s="670"/>
      <c r="DS31" s="670"/>
      <c r="DT31" s="670"/>
      <c r="DU31" s="670"/>
      <c r="DV31" s="671"/>
      <c r="DW31" s="660">
        <v>0.3</v>
      </c>
      <c r="DX31" s="672"/>
      <c r="DY31" s="672"/>
      <c r="DZ31" s="672"/>
      <c r="EA31" s="672"/>
      <c r="EB31" s="672"/>
      <c r="EC31" s="684"/>
    </row>
    <row r="32" spans="2:133" ht="11.25" customHeight="1" x14ac:dyDescent="0.2">
      <c r="B32" s="654" t="s">
        <v>317</v>
      </c>
      <c r="C32" s="655"/>
      <c r="D32" s="655"/>
      <c r="E32" s="655"/>
      <c r="F32" s="655"/>
      <c r="G32" s="655"/>
      <c r="H32" s="655"/>
      <c r="I32" s="655"/>
      <c r="J32" s="655"/>
      <c r="K32" s="655"/>
      <c r="L32" s="655"/>
      <c r="M32" s="655"/>
      <c r="N32" s="655"/>
      <c r="O32" s="655"/>
      <c r="P32" s="655"/>
      <c r="Q32" s="656"/>
      <c r="R32" s="657">
        <v>1255816</v>
      </c>
      <c r="S32" s="658"/>
      <c r="T32" s="658"/>
      <c r="U32" s="658"/>
      <c r="V32" s="658"/>
      <c r="W32" s="658"/>
      <c r="X32" s="658"/>
      <c r="Y32" s="659"/>
      <c r="Z32" s="695">
        <v>6</v>
      </c>
      <c r="AA32" s="695"/>
      <c r="AB32" s="695"/>
      <c r="AC32" s="695"/>
      <c r="AD32" s="696" t="s">
        <v>237</v>
      </c>
      <c r="AE32" s="696"/>
      <c r="AF32" s="696"/>
      <c r="AG32" s="696"/>
      <c r="AH32" s="696"/>
      <c r="AI32" s="696"/>
      <c r="AJ32" s="696"/>
      <c r="AK32" s="696"/>
      <c r="AL32" s="660" t="s">
        <v>237</v>
      </c>
      <c r="AM32" s="661"/>
      <c r="AN32" s="661"/>
      <c r="AO32" s="697"/>
      <c r="AP32" s="698"/>
      <c r="AQ32" s="699"/>
      <c r="AR32" s="699"/>
      <c r="AS32" s="699"/>
      <c r="AT32" s="732"/>
      <c r="AU32" s="214" t="s">
        <v>318</v>
      </c>
      <c r="AX32" s="654" t="s">
        <v>319</v>
      </c>
      <c r="AY32" s="655"/>
      <c r="AZ32" s="655"/>
      <c r="BA32" s="655"/>
      <c r="BB32" s="655"/>
      <c r="BC32" s="655"/>
      <c r="BD32" s="655"/>
      <c r="BE32" s="655"/>
      <c r="BF32" s="656"/>
      <c r="BG32" s="723">
        <v>98.9</v>
      </c>
      <c r="BH32" s="670"/>
      <c r="BI32" s="670"/>
      <c r="BJ32" s="670"/>
      <c r="BK32" s="670"/>
      <c r="BL32" s="670"/>
      <c r="BM32" s="661">
        <v>96.4</v>
      </c>
      <c r="BN32" s="670"/>
      <c r="BO32" s="670"/>
      <c r="BP32" s="670"/>
      <c r="BQ32" s="693"/>
      <c r="BR32" s="723">
        <v>99</v>
      </c>
      <c r="BS32" s="670"/>
      <c r="BT32" s="670"/>
      <c r="BU32" s="670"/>
      <c r="BV32" s="670"/>
      <c r="BW32" s="670"/>
      <c r="BX32" s="661">
        <v>96.3</v>
      </c>
      <c r="BY32" s="670"/>
      <c r="BZ32" s="670"/>
      <c r="CA32" s="670"/>
      <c r="CB32" s="693"/>
      <c r="CD32" s="680"/>
      <c r="CE32" s="681"/>
      <c r="CF32" s="654" t="s">
        <v>320</v>
      </c>
      <c r="CG32" s="655"/>
      <c r="CH32" s="655"/>
      <c r="CI32" s="655"/>
      <c r="CJ32" s="655"/>
      <c r="CK32" s="655"/>
      <c r="CL32" s="655"/>
      <c r="CM32" s="655"/>
      <c r="CN32" s="655"/>
      <c r="CO32" s="655"/>
      <c r="CP32" s="655"/>
      <c r="CQ32" s="656"/>
      <c r="CR32" s="657" t="s">
        <v>237</v>
      </c>
      <c r="CS32" s="658"/>
      <c r="CT32" s="658"/>
      <c r="CU32" s="658"/>
      <c r="CV32" s="658"/>
      <c r="CW32" s="658"/>
      <c r="CX32" s="658"/>
      <c r="CY32" s="659"/>
      <c r="CZ32" s="660" t="s">
        <v>237</v>
      </c>
      <c r="DA32" s="672"/>
      <c r="DB32" s="672"/>
      <c r="DC32" s="673"/>
      <c r="DD32" s="663" t="s">
        <v>237</v>
      </c>
      <c r="DE32" s="658"/>
      <c r="DF32" s="658"/>
      <c r="DG32" s="658"/>
      <c r="DH32" s="658"/>
      <c r="DI32" s="658"/>
      <c r="DJ32" s="658"/>
      <c r="DK32" s="659"/>
      <c r="DL32" s="663" t="s">
        <v>237</v>
      </c>
      <c r="DM32" s="658"/>
      <c r="DN32" s="658"/>
      <c r="DO32" s="658"/>
      <c r="DP32" s="658"/>
      <c r="DQ32" s="658"/>
      <c r="DR32" s="658"/>
      <c r="DS32" s="658"/>
      <c r="DT32" s="658"/>
      <c r="DU32" s="658"/>
      <c r="DV32" s="659"/>
      <c r="DW32" s="660" t="s">
        <v>237</v>
      </c>
      <c r="DX32" s="672"/>
      <c r="DY32" s="672"/>
      <c r="DZ32" s="672"/>
      <c r="EA32" s="672"/>
      <c r="EB32" s="672"/>
      <c r="EC32" s="684"/>
    </row>
    <row r="33" spans="2:133" ht="11.25" customHeight="1" x14ac:dyDescent="0.2">
      <c r="B33" s="654" t="s">
        <v>321</v>
      </c>
      <c r="C33" s="655"/>
      <c r="D33" s="655"/>
      <c r="E33" s="655"/>
      <c r="F33" s="655"/>
      <c r="G33" s="655"/>
      <c r="H33" s="655"/>
      <c r="I33" s="655"/>
      <c r="J33" s="655"/>
      <c r="K33" s="655"/>
      <c r="L33" s="655"/>
      <c r="M33" s="655"/>
      <c r="N33" s="655"/>
      <c r="O33" s="655"/>
      <c r="P33" s="655"/>
      <c r="Q33" s="656"/>
      <c r="R33" s="657">
        <v>33069</v>
      </c>
      <c r="S33" s="658"/>
      <c r="T33" s="658"/>
      <c r="U33" s="658"/>
      <c r="V33" s="658"/>
      <c r="W33" s="658"/>
      <c r="X33" s="658"/>
      <c r="Y33" s="659"/>
      <c r="Z33" s="695">
        <v>0.2</v>
      </c>
      <c r="AA33" s="695"/>
      <c r="AB33" s="695"/>
      <c r="AC33" s="695"/>
      <c r="AD33" s="696" t="s">
        <v>237</v>
      </c>
      <c r="AE33" s="696"/>
      <c r="AF33" s="696"/>
      <c r="AG33" s="696"/>
      <c r="AH33" s="696"/>
      <c r="AI33" s="696"/>
      <c r="AJ33" s="696"/>
      <c r="AK33" s="696"/>
      <c r="AL33" s="660" t="s">
        <v>237</v>
      </c>
      <c r="AM33" s="661"/>
      <c r="AN33" s="661"/>
      <c r="AO33" s="697"/>
      <c r="AP33" s="700"/>
      <c r="AQ33" s="701"/>
      <c r="AR33" s="701"/>
      <c r="AS33" s="701"/>
      <c r="AT33" s="733"/>
      <c r="AU33" s="219"/>
      <c r="AV33" s="219"/>
      <c r="AW33" s="219"/>
      <c r="AX33" s="638" t="s">
        <v>322</v>
      </c>
      <c r="AY33" s="639"/>
      <c r="AZ33" s="639"/>
      <c r="BA33" s="639"/>
      <c r="BB33" s="639"/>
      <c r="BC33" s="639"/>
      <c r="BD33" s="639"/>
      <c r="BE33" s="639"/>
      <c r="BF33" s="640"/>
      <c r="BG33" s="718">
        <v>99.6</v>
      </c>
      <c r="BH33" s="642"/>
      <c r="BI33" s="642"/>
      <c r="BJ33" s="642"/>
      <c r="BK33" s="642"/>
      <c r="BL33" s="642"/>
      <c r="BM33" s="688">
        <v>98.8</v>
      </c>
      <c r="BN33" s="642"/>
      <c r="BO33" s="642"/>
      <c r="BP33" s="642"/>
      <c r="BQ33" s="705"/>
      <c r="BR33" s="718">
        <v>99.6</v>
      </c>
      <c r="BS33" s="642"/>
      <c r="BT33" s="642"/>
      <c r="BU33" s="642"/>
      <c r="BV33" s="642"/>
      <c r="BW33" s="642"/>
      <c r="BX33" s="688">
        <v>98.8</v>
      </c>
      <c r="BY33" s="642"/>
      <c r="BZ33" s="642"/>
      <c r="CA33" s="642"/>
      <c r="CB33" s="705"/>
      <c r="CD33" s="654" t="s">
        <v>323</v>
      </c>
      <c r="CE33" s="655"/>
      <c r="CF33" s="655"/>
      <c r="CG33" s="655"/>
      <c r="CH33" s="655"/>
      <c r="CI33" s="655"/>
      <c r="CJ33" s="655"/>
      <c r="CK33" s="655"/>
      <c r="CL33" s="655"/>
      <c r="CM33" s="655"/>
      <c r="CN33" s="655"/>
      <c r="CO33" s="655"/>
      <c r="CP33" s="655"/>
      <c r="CQ33" s="656"/>
      <c r="CR33" s="657">
        <v>9215098</v>
      </c>
      <c r="CS33" s="670"/>
      <c r="CT33" s="670"/>
      <c r="CU33" s="670"/>
      <c r="CV33" s="670"/>
      <c r="CW33" s="670"/>
      <c r="CX33" s="670"/>
      <c r="CY33" s="671"/>
      <c r="CZ33" s="660">
        <v>48.9</v>
      </c>
      <c r="DA33" s="672"/>
      <c r="DB33" s="672"/>
      <c r="DC33" s="673"/>
      <c r="DD33" s="663">
        <v>7256562</v>
      </c>
      <c r="DE33" s="670"/>
      <c r="DF33" s="670"/>
      <c r="DG33" s="670"/>
      <c r="DH33" s="670"/>
      <c r="DI33" s="670"/>
      <c r="DJ33" s="670"/>
      <c r="DK33" s="671"/>
      <c r="DL33" s="663">
        <v>4692995</v>
      </c>
      <c r="DM33" s="670"/>
      <c r="DN33" s="670"/>
      <c r="DO33" s="670"/>
      <c r="DP33" s="670"/>
      <c r="DQ33" s="670"/>
      <c r="DR33" s="670"/>
      <c r="DS33" s="670"/>
      <c r="DT33" s="670"/>
      <c r="DU33" s="670"/>
      <c r="DV33" s="671"/>
      <c r="DW33" s="660">
        <v>44.5</v>
      </c>
      <c r="DX33" s="672"/>
      <c r="DY33" s="672"/>
      <c r="DZ33" s="672"/>
      <c r="EA33" s="672"/>
      <c r="EB33" s="672"/>
      <c r="EC33" s="684"/>
    </row>
    <row r="34" spans="2:133" ht="11.25" customHeight="1" x14ac:dyDescent="0.2">
      <c r="B34" s="654" t="s">
        <v>324</v>
      </c>
      <c r="C34" s="655"/>
      <c r="D34" s="655"/>
      <c r="E34" s="655"/>
      <c r="F34" s="655"/>
      <c r="G34" s="655"/>
      <c r="H34" s="655"/>
      <c r="I34" s="655"/>
      <c r="J34" s="655"/>
      <c r="K34" s="655"/>
      <c r="L34" s="655"/>
      <c r="M34" s="655"/>
      <c r="N34" s="655"/>
      <c r="O34" s="655"/>
      <c r="P34" s="655"/>
      <c r="Q34" s="656"/>
      <c r="R34" s="657">
        <v>51330</v>
      </c>
      <c r="S34" s="658"/>
      <c r="T34" s="658"/>
      <c r="U34" s="658"/>
      <c r="V34" s="658"/>
      <c r="W34" s="658"/>
      <c r="X34" s="658"/>
      <c r="Y34" s="659"/>
      <c r="Z34" s="695">
        <v>0.2</v>
      </c>
      <c r="AA34" s="695"/>
      <c r="AB34" s="695"/>
      <c r="AC34" s="695"/>
      <c r="AD34" s="696" t="s">
        <v>237</v>
      </c>
      <c r="AE34" s="696"/>
      <c r="AF34" s="696"/>
      <c r="AG34" s="696"/>
      <c r="AH34" s="696"/>
      <c r="AI34" s="696"/>
      <c r="AJ34" s="696"/>
      <c r="AK34" s="696"/>
      <c r="AL34" s="660" t="s">
        <v>237</v>
      </c>
      <c r="AM34" s="661"/>
      <c r="AN34" s="661"/>
      <c r="AO34" s="697"/>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4" t="s">
        <v>325</v>
      </c>
      <c r="CE34" s="655"/>
      <c r="CF34" s="655"/>
      <c r="CG34" s="655"/>
      <c r="CH34" s="655"/>
      <c r="CI34" s="655"/>
      <c r="CJ34" s="655"/>
      <c r="CK34" s="655"/>
      <c r="CL34" s="655"/>
      <c r="CM34" s="655"/>
      <c r="CN34" s="655"/>
      <c r="CO34" s="655"/>
      <c r="CP34" s="655"/>
      <c r="CQ34" s="656"/>
      <c r="CR34" s="657">
        <v>3547338</v>
      </c>
      <c r="CS34" s="658"/>
      <c r="CT34" s="658"/>
      <c r="CU34" s="658"/>
      <c r="CV34" s="658"/>
      <c r="CW34" s="658"/>
      <c r="CX34" s="658"/>
      <c r="CY34" s="659"/>
      <c r="CZ34" s="660">
        <v>18.8</v>
      </c>
      <c r="DA34" s="672"/>
      <c r="DB34" s="672"/>
      <c r="DC34" s="673"/>
      <c r="DD34" s="663">
        <v>2317430</v>
      </c>
      <c r="DE34" s="658"/>
      <c r="DF34" s="658"/>
      <c r="DG34" s="658"/>
      <c r="DH34" s="658"/>
      <c r="DI34" s="658"/>
      <c r="DJ34" s="658"/>
      <c r="DK34" s="659"/>
      <c r="DL34" s="663">
        <v>2098659</v>
      </c>
      <c r="DM34" s="658"/>
      <c r="DN34" s="658"/>
      <c r="DO34" s="658"/>
      <c r="DP34" s="658"/>
      <c r="DQ34" s="658"/>
      <c r="DR34" s="658"/>
      <c r="DS34" s="658"/>
      <c r="DT34" s="658"/>
      <c r="DU34" s="658"/>
      <c r="DV34" s="659"/>
      <c r="DW34" s="660">
        <v>19.899999999999999</v>
      </c>
      <c r="DX34" s="672"/>
      <c r="DY34" s="672"/>
      <c r="DZ34" s="672"/>
      <c r="EA34" s="672"/>
      <c r="EB34" s="672"/>
      <c r="EC34" s="684"/>
    </row>
    <row r="35" spans="2:133" ht="11.25" customHeight="1" x14ac:dyDescent="0.2">
      <c r="B35" s="654" t="s">
        <v>326</v>
      </c>
      <c r="C35" s="655"/>
      <c r="D35" s="655"/>
      <c r="E35" s="655"/>
      <c r="F35" s="655"/>
      <c r="G35" s="655"/>
      <c r="H35" s="655"/>
      <c r="I35" s="655"/>
      <c r="J35" s="655"/>
      <c r="K35" s="655"/>
      <c r="L35" s="655"/>
      <c r="M35" s="655"/>
      <c r="N35" s="655"/>
      <c r="O35" s="655"/>
      <c r="P35" s="655"/>
      <c r="Q35" s="656"/>
      <c r="R35" s="657">
        <v>977466</v>
      </c>
      <c r="S35" s="658"/>
      <c r="T35" s="658"/>
      <c r="U35" s="658"/>
      <c r="V35" s="658"/>
      <c r="W35" s="658"/>
      <c r="X35" s="658"/>
      <c r="Y35" s="659"/>
      <c r="Z35" s="695">
        <v>4.7</v>
      </c>
      <c r="AA35" s="695"/>
      <c r="AB35" s="695"/>
      <c r="AC35" s="695"/>
      <c r="AD35" s="696" t="s">
        <v>177</v>
      </c>
      <c r="AE35" s="696"/>
      <c r="AF35" s="696"/>
      <c r="AG35" s="696"/>
      <c r="AH35" s="696"/>
      <c r="AI35" s="696"/>
      <c r="AJ35" s="696"/>
      <c r="AK35" s="696"/>
      <c r="AL35" s="660" t="s">
        <v>237</v>
      </c>
      <c r="AM35" s="661"/>
      <c r="AN35" s="661"/>
      <c r="AO35" s="697"/>
      <c r="AP35" s="222"/>
      <c r="AQ35" s="709" t="s">
        <v>327</v>
      </c>
      <c r="AR35" s="710"/>
      <c r="AS35" s="710"/>
      <c r="AT35" s="710"/>
      <c r="AU35" s="710"/>
      <c r="AV35" s="710"/>
      <c r="AW35" s="710"/>
      <c r="AX35" s="710"/>
      <c r="AY35" s="710"/>
      <c r="AZ35" s="710"/>
      <c r="BA35" s="710"/>
      <c r="BB35" s="710"/>
      <c r="BC35" s="710"/>
      <c r="BD35" s="710"/>
      <c r="BE35" s="710"/>
      <c r="BF35" s="711"/>
      <c r="BG35" s="709" t="s">
        <v>328</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29</v>
      </c>
      <c r="CE35" s="655"/>
      <c r="CF35" s="655"/>
      <c r="CG35" s="655"/>
      <c r="CH35" s="655"/>
      <c r="CI35" s="655"/>
      <c r="CJ35" s="655"/>
      <c r="CK35" s="655"/>
      <c r="CL35" s="655"/>
      <c r="CM35" s="655"/>
      <c r="CN35" s="655"/>
      <c r="CO35" s="655"/>
      <c r="CP35" s="655"/>
      <c r="CQ35" s="656"/>
      <c r="CR35" s="657">
        <v>105795</v>
      </c>
      <c r="CS35" s="670"/>
      <c r="CT35" s="670"/>
      <c r="CU35" s="670"/>
      <c r="CV35" s="670"/>
      <c r="CW35" s="670"/>
      <c r="CX35" s="670"/>
      <c r="CY35" s="671"/>
      <c r="CZ35" s="660">
        <v>0.6</v>
      </c>
      <c r="DA35" s="672"/>
      <c r="DB35" s="672"/>
      <c r="DC35" s="673"/>
      <c r="DD35" s="663">
        <v>70554</v>
      </c>
      <c r="DE35" s="670"/>
      <c r="DF35" s="670"/>
      <c r="DG35" s="670"/>
      <c r="DH35" s="670"/>
      <c r="DI35" s="670"/>
      <c r="DJ35" s="670"/>
      <c r="DK35" s="671"/>
      <c r="DL35" s="663">
        <v>70554</v>
      </c>
      <c r="DM35" s="670"/>
      <c r="DN35" s="670"/>
      <c r="DO35" s="670"/>
      <c r="DP35" s="670"/>
      <c r="DQ35" s="670"/>
      <c r="DR35" s="670"/>
      <c r="DS35" s="670"/>
      <c r="DT35" s="670"/>
      <c r="DU35" s="670"/>
      <c r="DV35" s="671"/>
      <c r="DW35" s="660">
        <v>0.7</v>
      </c>
      <c r="DX35" s="672"/>
      <c r="DY35" s="672"/>
      <c r="DZ35" s="672"/>
      <c r="EA35" s="672"/>
      <c r="EB35" s="672"/>
      <c r="EC35" s="684"/>
    </row>
    <row r="36" spans="2:133" ht="11.25" customHeight="1" x14ac:dyDescent="0.2">
      <c r="B36" s="654" t="s">
        <v>330</v>
      </c>
      <c r="C36" s="655"/>
      <c r="D36" s="655"/>
      <c r="E36" s="655"/>
      <c r="F36" s="655"/>
      <c r="G36" s="655"/>
      <c r="H36" s="655"/>
      <c r="I36" s="655"/>
      <c r="J36" s="655"/>
      <c r="K36" s="655"/>
      <c r="L36" s="655"/>
      <c r="M36" s="655"/>
      <c r="N36" s="655"/>
      <c r="O36" s="655"/>
      <c r="P36" s="655"/>
      <c r="Q36" s="656"/>
      <c r="R36" s="657">
        <v>2256765</v>
      </c>
      <c r="S36" s="658"/>
      <c r="T36" s="658"/>
      <c r="U36" s="658"/>
      <c r="V36" s="658"/>
      <c r="W36" s="658"/>
      <c r="X36" s="658"/>
      <c r="Y36" s="659"/>
      <c r="Z36" s="695">
        <v>10.8</v>
      </c>
      <c r="AA36" s="695"/>
      <c r="AB36" s="695"/>
      <c r="AC36" s="695"/>
      <c r="AD36" s="696" t="s">
        <v>237</v>
      </c>
      <c r="AE36" s="696"/>
      <c r="AF36" s="696"/>
      <c r="AG36" s="696"/>
      <c r="AH36" s="696"/>
      <c r="AI36" s="696"/>
      <c r="AJ36" s="696"/>
      <c r="AK36" s="696"/>
      <c r="AL36" s="660" t="s">
        <v>237</v>
      </c>
      <c r="AM36" s="661"/>
      <c r="AN36" s="661"/>
      <c r="AO36" s="697"/>
      <c r="AP36" s="222"/>
      <c r="AQ36" s="706" t="s">
        <v>331</v>
      </c>
      <c r="AR36" s="707"/>
      <c r="AS36" s="707"/>
      <c r="AT36" s="707"/>
      <c r="AU36" s="707"/>
      <c r="AV36" s="707"/>
      <c r="AW36" s="707"/>
      <c r="AX36" s="707"/>
      <c r="AY36" s="708"/>
      <c r="AZ36" s="712">
        <v>1923675</v>
      </c>
      <c r="BA36" s="713"/>
      <c r="BB36" s="713"/>
      <c r="BC36" s="713"/>
      <c r="BD36" s="713"/>
      <c r="BE36" s="713"/>
      <c r="BF36" s="714"/>
      <c r="BG36" s="715" t="s">
        <v>332</v>
      </c>
      <c r="BH36" s="716"/>
      <c r="BI36" s="716"/>
      <c r="BJ36" s="716"/>
      <c r="BK36" s="716"/>
      <c r="BL36" s="716"/>
      <c r="BM36" s="716"/>
      <c r="BN36" s="716"/>
      <c r="BO36" s="716"/>
      <c r="BP36" s="716"/>
      <c r="BQ36" s="716"/>
      <c r="BR36" s="716"/>
      <c r="BS36" s="716"/>
      <c r="BT36" s="716"/>
      <c r="BU36" s="717"/>
      <c r="BV36" s="712">
        <v>144432</v>
      </c>
      <c r="BW36" s="713"/>
      <c r="BX36" s="713"/>
      <c r="BY36" s="713"/>
      <c r="BZ36" s="713"/>
      <c r="CA36" s="713"/>
      <c r="CB36" s="714"/>
      <c r="CD36" s="654" t="s">
        <v>333</v>
      </c>
      <c r="CE36" s="655"/>
      <c r="CF36" s="655"/>
      <c r="CG36" s="655"/>
      <c r="CH36" s="655"/>
      <c r="CI36" s="655"/>
      <c r="CJ36" s="655"/>
      <c r="CK36" s="655"/>
      <c r="CL36" s="655"/>
      <c r="CM36" s="655"/>
      <c r="CN36" s="655"/>
      <c r="CO36" s="655"/>
      <c r="CP36" s="655"/>
      <c r="CQ36" s="656"/>
      <c r="CR36" s="657">
        <v>2336357</v>
      </c>
      <c r="CS36" s="658"/>
      <c r="CT36" s="658"/>
      <c r="CU36" s="658"/>
      <c r="CV36" s="658"/>
      <c r="CW36" s="658"/>
      <c r="CX36" s="658"/>
      <c r="CY36" s="659"/>
      <c r="CZ36" s="660">
        <v>12.4</v>
      </c>
      <c r="DA36" s="672"/>
      <c r="DB36" s="672"/>
      <c r="DC36" s="673"/>
      <c r="DD36" s="663">
        <v>1985738</v>
      </c>
      <c r="DE36" s="658"/>
      <c r="DF36" s="658"/>
      <c r="DG36" s="658"/>
      <c r="DH36" s="658"/>
      <c r="DI36" s="658"/>
      <c r="DJ36" s="658"/>
      <c r="DK36" s="659"/>
      <c r="DL36" s="663">
        <v>1373723</v>
      </c>
      <c r="DM36" s="658"/>
      <c r="DN36" s="658"/>
      <c r="DO36" s="658"/>
      <c r="DP36" s="658"/>
      <c r="DQ36" s="658"/>
      <c r="DR36" s="658"/>
      <c r="DS36" s="658"/>
      <c r="DT36" s="658"/>
      <c r="DU36" s="658"/>
      <c r="DV36" s="659"/>
      <c r="DW36" s="660">
        <v>13</v>
      </c>
      <c r="DX36" s="672"/>
      <c r="DY36" s="672"/>
      <c r="DZ36" s="672"/>
      <c r="EA36" s="672"/>
      <c r="EB36" s="672"/>
      <c r="EC36" s="684"/>
    </row>
    <row r="37" spans="2:133" ht="11.25" customHeight="1" x14ac:dyDescent="0.2">
      <c r="B37" s="654" t="s">
        <v>334</v>
      </c>
      <c r="C37" s="655"/>
      <c r="D37" s="655"/>
      <c r="E37" s="655"/>
      <c r="F37" s="655"/>
      <c r="G37" s="655"/>
      <c r="H37" s="655"/>
      <c r="I37" s="655"/>
      <c r="J37" s="655"/>
      <c r="K37" s="655"/>
      <c r="L37" s="655"/>
      <c r="M37" s="655"/>
      <c r="N37" s="655"/>
      <c r="O37" s="655"/>
      <c r="P37" s="655"/>
      <c r="Q37" s="656"/>
      <c r="R37" s="657">
        <v>519103</v>
      </c>
      <c r="S37" s="658"/>
      <c r="T37" s="658"/>
      <c r="U37" s="658"/>
      <c r="V37" s="658"/>
      <c r="W37" s="658"/>
      <c r="X37" s="658"/>
      <c r="Y37" s="659"/>
      <c r="Z37" s="695">
        <v>2.5</v>
      </c>
      <c r="AA37" s="695"/>
      <c r="AB37" s="695"/>
      <c r="AC37" s="695"/>
      <c r="AD37" s="696">
        <v>4</v>
      </c>
      <c r="AE37" s="696"/>
      <c r="AF37" s="696"/>
      <c r="AG37" s="696"/>
      <c r="AH37" s="696"/>
      <c r="AI37" s="696"/>
      <c r="AJ37" s="696"/>
      <c r="AK37" s="696"/>
      <c r="AL37" s="660">
        <v>0</v>
      </c>
      <c r="AM37" s="661"/>
      <c r="AN37" s="661"/>
      <c r="AO37" s="697"/>
      <c r="AQ37" s="690" t="s">
        <v>335</v>
      </c>
      <c r="AR37" s="691"/>
      <c r="AS37" s="691"/>
      <c r="AT37" s="691"/>
      <c r="AU37" s="691"/>
      <c r="AV37" s="691"/>
      <c r="AW37" s="691"/>
      <c r="AX37" s="691"/>
      <c r="AY37" s="692"/>
      <c r="AZ37" s="657">
        <v>430781</v>
      </c>
      <c r="BA37" s="658"/>
      <c r="BB37" s="658"/>
      <c r="BC37" s="658"/>
      <c r="BD37" s="670"/>
      <c r="BE37" s="670"/>
      <c r="BF37" s="693"/>
      <c r="BG37" s="654" t="s">
        <v>336</v>
      </c>
      <c r="BH37" s="655"/>
      <c r="BI37" s="655"/>
      <c r="BJ37" s="655"/>
      <c r="BK37" s="655"/>
      <c r="BL37" s="655"/>
      <c r="BM37" s="655"/>
      <c r="BN37" s="655"/>
      <c r="BO37" s="655"/>
      <c r="BP37" s="655"/>
      <c r="BQ37" s="655"/>
      <c r="BR37" s="655"/>
      <c r="BS37" s="655"/>
      <c r="BT37" s="655"/>
      <c r="BU37" s="656"/>
      <c r="BV37" s="657">
        <v>51709</v>
      </c>
      <c r="BW37" s="658"/>
      <c r="BX37" s="658"/>
      <c r="BY37" s="658"/>
      <c r="BZ37" s="658"/>
      <c r="CA37" s="658"/>
      <c r="CB37" s="694"/>
      <c r="CD37" s="654" t="s">
        <v>337</v>
      </c>
      <c r="CE37" s="655"/>
      <c r="CF37" s="655"/>
      <c r="CG37" s="655"/>
      <c r="CH37" s="655"/>
      <c r="CI37" s="655"/>
      <c r="CJ37" s="655"/>
      <c r="CK37" s="655"/>
      <c r="CL37" s="655"/>
      <c r="CM37" s="655"/>
      <c r="CN37" s="655"/>
      <c r="CO37" s="655"/>
      <c r="CP37" s="655"/>
      <c r="CQ37" s="656"/>
      <c r="CR37" s="657">
        <v>15807</v>
      </c>
      <c r="CS37" s="670"/>
      <c r="CT37" s="670"/>
      <c r="CU37" s="670"/>
      <c r="CV37" s="670"/>
      <c r="CW37" s="670"/>
      <c r="CX37" s="670"/>
      <c r="CY37" s="671"/>
      <c r="CZ37" s="660">
        <v>0.1</v>
      </c>
      <c r="DA37" s="672"/>
      <c r="DB37" s="672"/>
      <c r="DC37" s="673"/>
      <c r="DD37" s="663">
        <v>15738</v>
      </c>
      <c r="DE37" s="670"/>
      <c r="DF37" s="670"/>
      <c r="DG37" s="670"/>
      <c r="DH37" s="670"/>
      <c r="DI37" s="670"/>
      <c r="DJ37" s="670"/>
      <c r="DK37" s="671"/>
      <c r="DL37" s="663">
        <v>15599</v>
      </c>
      <c r="DM37" s="670"/>
      <c r="DN37" s="670"/>
      <c r="DO37" s="670"/>
      <c r="DP37" s="670"/>
      <c r="DQ37" s="670"/>
      <c r="DR37" s="670"/>
      <c r="DS37" s="670"/>
      <c r="DT37" s="670"/>
      <c r="DU37" s="670"/>
      <c r="DV37" s="671"/>
      <c r="DW37" s="660">
        <v>0.1</v>
      </c>
      <c r="DX37" s="672"/>
      <c r="DY37" s="672"/>
      <c r="DZ37" s="672"/>
      <c r="EA37" s="672"/>
      <c r="EB37" s="672"/>
      <c r="EC37" s="684"/>
    </row>
    <row r="38" spans="2:133" ht="11.25" customHeight="1" x14ac:dyDescent="0.2">
      <c r="B38" s="654" t="s">
        <v>338</v>
      </c>
      <c r="C38" s="655"/>
      <c r="D38" s="655"/>
      <c r="E38" s="655"/>
      <c r="F38" s="655"/>
      <c r="G38" s="655"/>
      <c r="H38" s="655"/>
      <c r="I38" s="655"/>
      <c r="J38" s="655"/>
      <c r="K38" s="655"/>
      <c r="L38" s="655"/>
      <c r="M38" s="655"/>
      <c r="N38" s="655"/>
      <c r="O38" s="655"/>
      <c r="P38" s="655"/>
      <c r="Q38" s="656"/>
      <c r="R38" s="657">
        <v>925700</v>
      </c>
      <c r="S38" s="658"/>
      <c r="T38" s="658"/>
      <c r="U38" s="658"/>
      <c r="V38" s="658"/>
      <c r="W38" s="658"/>
      <c r="X38" s="658"/>
      <c r="Y38" s="659"/>
      <c r="Z38" s="695">
        <v>4.4000000000000004</v>
      </c>
      <c r="AA38" s="695"/>
      <c r="AB38" s="695"/>
      <c r="AC38" s="695"/>
      <c r="AD38" s="696" t="s">
        <v>237</v>
      </c>
      <c r="AE38" s="696"/>
      <c r="AF38" s="696"/>
      <c r="AG38" s="696"/>
      <c r="AH38" s="696"/>
      <c r="AI38" s="696"/>
      <c r="AJ38" s="696"/>
      <c r="AK38" s="696"/>
      <c r="AL38" s="660" t="s">
        <v>237</v>
      </c>
      <c r="AM38" s="661"/>
      <c r="AN38" s="661"/>
      <c r="AO38" s="697"/>
      <c r="AQ38" s="690" t="s">
        <v>339</v>
      </c>
      <c r="AR38" s="691"/>
      <c r="AS38" s="691"/>
      <c r="AT38" s="691"/>
      <c r="AU38" s="691"/>
      <c r="AV38" s="691"/>
      <c r="AW38" s="691"/>
      <c r="AX38" s="691"/>
      <c r="AY38" s="692"/>
      <c r="AZ38" s="657" t="s">
        <v>237</v>
      </c>
      <c r="BA38" s="658"/>
      <c r="BB38" s="658"/>
      <c r="BC38" s="658"/>
      <c r="BD38" s="670"/>
      <c r="BE38" s="670"/>
      <c r="BF38" s="693"/>
      <c r="BG38" s="654" t="s">
        <v>340</v>
      </c>
      <c r="BH38" s="655"/>
      <c r="BI38" s="655"/>
      <c r="BJ38" s="655"/>
      <c r="BK38" s="655"/>
      <c r="BL38" s="655"/>
      <c r="BM38" s="655"/>
      <c r="BN38" s="655"/>
      <c r="BO38" s="655"/>
      <c r="BP38" s="655"/>
      <c r="BQ38" s="655"/>
      <c r="BR38" s="655"/>
      <c r="BS38" s="655"/>
      <c r="BT38" s="655"/>
      <c r="BU38" s="656"/>
      <c r="BV38" s="657">
        <v>6199</v>
      </c>
      <c r="BW38" s="658"/>
      <c r="BX38" s="658"/>
      <c r="BY38" s="658"/>
      <c r="BZ38" s="658"/>
      <c r="CA38" s="658"/>
      <c r="CB38" s="694"/>
      <c r="CD38" s="654" t="s">
        <v>341</v>
      </c>
      <c r="CE38" s="655"/>
      <c r="CF38" s="655"/>
      <c r="CG38" s="655"/>
      <c r="CH38" s="655"/>
      <c r="CI38" s="655"/>
      <c r="CJ38" s="655"/>
      <c r="CK38" s="655"/>
      <c r="CL38" s="655"/>
      <c r="CM38" s="655"/>
      <c r="CN38" s="655"/>
      <c r="CO38" s="655"/>
      <c r="CP38" s="655"/>
      <c r="CQ38" s="656"/>
      <c r="CR38" s="657">
        <v>1492894</v>
      </c>
      <c r="CS38" s="658"/>
      <c r="CT38" s="658"/>
      <c r="CU38" s="658"/>
      <c r="CV38" s="658"/>
      <c r="CW38" s="658"/>
      <c r="CX38" s="658"/>
      <c r="CY38" s="659"/>
      <c r="CZ38" s="660">
        <v>7.9</v>
      </c>
      <c r="DA38" s="672"/>
      <c r="DB38" s="672"/>
      <c r="DC38" s="673"/>
      <c r="DD38" s="663">
        <v>1232060</v>
      </c>
      <c r="DE38" s="658"/>
      <c r="DF38" s="658"/>
      <c r="DG38" s="658"/>
      <c r="DH38" s="658"/>
      <c r="DI38" s="658"/>
      <c r="DJ38" s="658"/>
      <c r="DK38" s="659"/>
      <c r="DL38" s="663">
        <v>1150059</v>
      </c>
      <c r="DM38" s="658"/>
      <c r="DN38" s="658"/>
      <c r="DO38" s="658"/>
      <c r="DP38" s="658"/>
      <c r="DQ38" s="658"/>
      <c r="DR38" s="658"/>
      <c r="DS38" s="658"/>
      <c r="DT38" s="658"/>
      <c r="DU38" s="658"/>
      <c r="DV38" s="659"/>
      <c r="DW38" s="660">
        <v>10.9</v>
      </c>
      <c r="DX38" s="672"/>
      <c r="DY38" s="672"/>
      <c r="DZ38" s="672"/>
      <c r="EA38" s="672"/>
      <c r="EB38" s="672"/>
      <c r="EC38" s="684"/>
    </row>
    <row r="39" spans="2:133" ht="11.25" customHeight="1" x14ac:dyDescent="0.2">
      <c r="B39" s="654" t="s">
        <v>342</v>
      </c>
      <c r="C39" s="655"/>
      <c r="D39" s="655"/>
      <c r="E39" s="655"/>
      <c r="F39" s="655"/>
      <c r="G39" s="655"/>
      <c r="H39" s="655"/>
      <c r="I39" s="655"/>
      <c r="J39" s="655"/>
      <c r="K39" s="655"/>
      <c r="L39" s="655"/>
      <c r="M39" s="655"/>
      <c r="N39" s="655"/>
      <c r="O39" s="655"/>
      <c r="P39" s="655"/>
      <c r="Q39" s="656"/>
      <c r="R39" s="657" t="s">
        <v>237</v>
      </c>
      <c r="S39" s="658"/>
      <c r="T39" s="658"/>
      <c r="U39" s="658"/>
      <c r="V39" s="658"/>
      <c r="W39" s="658"/>
      <c r="X39" s="658"/>
      <c r="Y39" s="659"/>
      <c r="Z39" s="695" t="s">
        <v>237</v>
      </c>
      <c r="AA39" s="695"/>
      <c r="AB39" s="695"/>
      <c r="AC39" s="695"/>
      <c r="AD39" s="696" t="s">
        <v>237</v>
      </c>
      <c r="AE39" s="696"/>
      <c r="AF39" s="696"/>
      <c r="AG39" s="696"/>
      <c r="AH39" s="696"/>
      <c r="AI39" s="696"/>
      <c r="AJ39" s="696"/>
      <c r="AK39" s="696"/>
      <c r="AL39" s="660" t="s">
        <v>177</v>
      </c>
      <c r="AM39" s="661"/>
      <c r="AN39" s="661"/>
      <c r="AO39" s="697"/>
      <c r="AQ39" s="690" t="s">
        <v>343</v>
      </c>
      <c r="AR39" s="691"/>
      <c r="AS39" s="691"/>
      <c r="AT39" s="691"/>
      <c r="AU39" s="691"/>
      <c r="AV39" s="691"/>
      <c r="AW39" s="691"/>
      <c r="AX39" s="691"/>
      <c r="AY39" s="692"/>
      <c r="AZ39" s="657" t="s">
        <v>177</v>
      </c>
      <c r="BA39" s="658"/>
      <c r="BB39" s="658"/>
      <c r="BC39" s="658"/>
      <c r="BD39" s="670"/>
      <c r="BE39" s="670"/>
      <c r="BF39" s="693"/>
      <c r="BG39" s="654" t="s">
        <v>344</v>
      </c>
      <c r="BH39" s="655"/>
      <c r="BI39" s="655"/>
      <c r="BJ39" s="655"/>
      <c r="BK39" s="655"/>
      <c r="BL39" s="655"/>
      <c r="BM39" s="655"/>
      <c r="BN39" s="655"/>
      <c r="BO39" s="655"/>
      <c r="BP39" s="655"/>
      <c r="BQ39" s="655"/>
      <c r="BR39" s="655"/>
      <c r="BS39" s="655"/>
      <c r="BT39" s="655"/>
      <c r="BU39" s="656"/>
      <c r="BV39" s="657">
        <v>9455</v>
      </c>
      <c r="BW39" s="658"/>
      <c r="BX39" s="658"/>
      <c r="BY39" s="658"/>
      <c r="BZ39" s="658"/>
      <c r="CA39" s="658"/>
      <c r="CB39" s="694"/>
      <c r="CD39" s="654" t="s">
        <v>345</v>
      </c>
      <c r="CE39" s="655"/>
      <c r="CF39" s="655"/>
      <c r="CG39" s="655"/>
      <c r="CH39" s="655"/>
      <c r="CI39" s="655"/>
      <c r="CJ39" s="655"/>
      <c r="CK39" s="655"/>
      <c r="CL39" s="655"/>
      <c r="CM39" s="655"/>
      <c r="CN39" s="655"/>
      <c r="CO39" s="655"/>
      <c r="CP39" s="655"/>
      <c r="CQ39" s="656"/>
      <c r="CR39" s="657">
        <v>1677714</v>
      </c>
      <c r="CS39" s="670"/>
      <c r="CT39" s="670"/>
      <c r="CU39" s="670"/>
      <c r="CV39" s="670"/>
      <c r="CW39" s="670"/>
      <c r="CX39" s="670"/>
      <c r="CY39" s="671"/>
      <c r="CZ39" s="660">
        <v>8.9</v>
      </c>
      <c r="DA39" s="672"/>
      <c r="DB39" s="672"/>
      <c r="DC39" s="673"/>
      <c r="DD39" s="663">
        <v>1650780</v>
      </c>
      <c r="DE39" s="670"/>
      <c r="DF39" s="670"/>
      <c r="DG39" s="670"/>
      <c r="DH39" s="670"/>
      <c r="DI39" s="670"/>
      <c r="DJ39" s="670"/>
      <c r="DK39" s="671"/>
      <c r="DL39" s="663" t="s">
        <v>237</v>
      </c>
      <c r="DM39" s="670"/>
      <c r="DN39" s="670"/>
      <c r="DO39" s="670"/>
      <c r="DP39" s="670"/>
      <c r="DQ39" s="670"/>
      <c r="DR39" s="670"/>
      <c r="DS39" s="670"/>
      <c r="DT39" s="670"/>
      <c r="DU39" s="670"/>
      <c r="DV39" s="671"/>
      <c r="DW39" s="660" t="s">
        <v>237</v>
      </c>
      <c r="DX39" s="672"/>
      <c r="DY39" s="672"/>
      <c r="DZ39" s="672"/>
      <c r="EA39" s="672"/>
      <c r="EB39" s="672"/>
      <c r="EC39" s="684"/>
    </row>
    <row r="40" spans="2:133" ht="11.25" customHeight="1" x14ac:dyDescent="0.2">
      <c r="B40" s="654" t="s">
        <v>346</v>
      </c>
      <c r="C40" s="655"/>
      <c r="D40" s="655"/>
      <c r="E40" s="655"/>
      <c r="F40" s="655"/>
      <c r="G40" s="655"/>
      <c r="H40" s="655"/>
      <c r="I40" s="655"/>
      <c r="J40" s="655"/>
      <c r="K40" s="655"/>
      <c r="L40" s="655"/>
      <c r="M40" s="655"/>
      <c r="N40" s="655"/>
      <c r="O40" s="655"/>
      <c r="P40" s="655"/>
      <c r="Q40" s="656"/>
      <c r="R40" s="657" t="s">
        <v>237</v>
      </c>
      <c r="S40" s="658"/>
      <c r="T40" s="658"/>
      <c r="U40" s="658"/>
      <c r="V40" s="658"/>
      <c r="W40" s="658"/>
      <c r="X40" s="658"/>
      <c r="Y40" s="659"/>
      <c r="Z40" s="695" t="s">
        <v>237</v>
      </c>
      <c r="AA40" s="695"/>
      <c r="AB40" s="695"/>
      <c r="AC40" s="695"/>
      <c r="AD40" s="696" t="s">
        <v>237</v>
      </c>
      <c r="AE40" s="696"/>
      <c r="AF40" s="696"/>
      <c r="AG40" s="696"/>
      <c r="AH40" s="696"/>
      <c r="AI40" s="696"/>
      <c r="AJ40" s="696"/>
      <c r="AK40" s="696"/>
      <c r="AL40" s="660" t="s">
        <v>237</v>
      </c>
      <c r="AM40" s="661"/>
      <c r="AN40" s="661"/>
      <c r="AO40" s="697"/>
      <c r="AQ40" s="690" t="s">
        <v>347</v>
      </c>
      <c r="AR40" s="691"/>
      <c r="AS40" s="691"/>
      <c r="AT40" s="691"/>
      <c r="AU40" s="691"/>
      <c r="AV40" s="691"/>
      <c r="AW40" s="691"/>
      <c r="AX40" s="691"/>
      <c r="AY40" s="692"/>
      <c r="AZ40" s="657" t="s">
        <v>237</v>
      </c>
      <c r="BA40" s="658"/>
      <c r="BB40" s="658"/>
      <c r="BC40" s="658"/>
      <c r="BD40" s="670"/>
      <c r="BE40" s="670"/>
      <c r="BF40" s="693"/>
      <c r="BG40" s="698" t="s">
        <v>348</v>
      </c>
      <c r="BH40" s="699"/>
      <c r="BI40" s="699"/>
      <c r="BJ40" s="699"/>
      <c r="BK40" s="699"/>
      <c r="BL40" s="223"/>
      <c r="BM40" s="655" t="s">
        <v>349</v>
      </c>
      <c r="BN40" s="655"/>
      <c r="BO40" s="655"/>
      <c r="BP40" s="655"/>
      <c r="BQ40" s="655"/>
      <c r="BR40" s="655"/>
      <c r="BS40" s="655"/>
      <c r="BT40" s="655"/>
      <c r="BU40" s="656"/>
      <c r="BV40" s="657">
        <v>101</v>
      </c>
      <c r="BW40" s="658"/>
      <c r="BX40" s="658"/>
      <c r="BY40" s="658"/>
      <c r="BZ40" s="658"/>
      <c r="CA40" s="658"/>
      <c r="CB40" s="694"/>
      <c r="CD40" s="654" t="s">
        <v>350</v>
      </c>
      <c r="CE40" s="655"/>
      <c r="CF40" s="655"/>
      <c r="CG40" s="655"/>
      <c r="CH40" s="655"/>
      <c r="CI40" s="655"/>
      <c r="CJ40" s="655"/>
      <c r="CK40" s="655"/>
      <c r="CL40" s="655"/>
      <c r="CM40" s="655"/>
      <c r="CN40" s="655"/>
      <c r="CO40" s="655"/>
      <c r="CP40" s="655"/>
      <c r="CQ40" s="656"/>
      <c r="CR40" s="657">
        <v>55000</v>
      </c>
      <c r="CS40" s="658"/>
      <c r="CT40" s="658"/>
      <c r="CU40" s="658"/>
      <c r="CV40" s="658"/>
      <c r="CW40" s="658"/>
      <c r="CX40" s="658"/>
      <c r="CY40" s="659"/>
      <c r="CZ40" s="660">
        <v>0.3</v>
      </c>
      <c r="DA40" s="672"/>
      <c r="DB40" s="672"/>
      <c r="DC40" s="673"/>
      <c r="DD40" s="663" t="s">
        <v>237</v>
      </c>
      <c r="DE40" s="658"/>
      <c r="DF40" s="658"/>
      <c r="DG40" s="658"/>
      <c r="DH40" s="658"/>
      <c r="DI40" s="658"/>
      <c r="DJ40" s="658"/>
      <c r="DK40" s="659"/>
      <c r="DL40" s="663" t="s">
        <v>237</v>
      </c>
      <c r="DM40" s="658"/>
      <c r="DN40" s="658"/>
      <c r="DO40" s="658"/>
      <c r="DP40" s="658"/>
      <c r="DQ40" s="658"/>
      <c r="DR40" s="658"/>
      <c r="DS40" s="658"/>
      <c r="DT40" s="658"/>
      <c r="DU40" s="658"/>
      <c r="DV40" s="659"/>
      <c r="DW40" s="660" t="s">
        <v>237</v>
      </c>
      <c r="DX40" s="672"/>
      <c r="DY40" s="672"/>
      <c r="DZ40" s="672"/>
      <c r="EA40" s="672"/>
      <c r="EB40" s="672"/>
      <c r="EC40" s="684"/>
    </row>
    <row r="41" spans="2:133" ht="11.25" customHeight="1" x14ac:dyDescent="0.2">
      <c r="B41" s="638" t="s">
        <v>351</v>
      </c>
      <c r="C41" s="639"/>
      <c r="D41" s="639"/>
      <c r="E41" s="639"/>
      <c r="F41" s="639"/>
      <c r="G41" s="639"/>
      <c r="H41" s="639"/>
      <c r="I41" s="639"/>
      <c r="J41" s="639"/>
      <c r="K41" s="639"/>
      <c r="L41" s="639"/>
      <c r="M41" s="639"/>
      <c r="N41" s="639"/>
      <c r="O41" s="639"/>
      <c r="P41" s="639"/>
      <c r="Q41" s="640"/>
      <c r="R41" s="641">
        <v>20901741</v>
      </c>
      <c r="S41" s="682"/>
      <c r="T41" s="682"/>
      <c r="U41" s="682"/>
      <c r="V41" s="682"/>
      <c r="W41" s="682"/>
      <c r="X41" s="682"/>
      <c r="Y41" s="685"/>
      <c r="Z41" s="686">
        <v>100</v>
      </c>
      <c r="AA41" s="686"/>
      <c r="AB41" s="686"/>
      <c r="AC41" s="686"/>
      <c r="AD41" s="687">
        <v>10555157</v>
      </c>
      <c r="AE41" s="687"/>
      <c r="AF41" s="687"/>
      <c r="AG41" s="687"/>
      <c r="AH41" s="687"/>
      <c r="AI41" s="687"/>
      <c r="AJ41" s="687"/>
      <c r="AK41" s="687"/>
      <c r="AL41" s="644">
        <v>100</v>
      </c>
      <c r="AM41" s="688"/>
      <c r="AN41" s="688"/>
      <c r="AO41" s="689"/>
      <c r="AQ41" s="690" t="s">
        <v>352</v>
      </c>
      <c r="AR41" s="691"/>
      <c r="AS41" s="691"/>
      <c r="AT41" s="691"/>
      <c r="AU41" s="691"/>
      <c r="AV41" s="691"/>
      <c r="AW41" s="691"/>
      <c r="AX41" s="691"/>
      <c r="AY41" s="692"/>
      <c r="AZ41" s="657">
        <v>379169</v>
      </c>
      <c r="BA41" s="658"/>
      <c r="BB41" s="658"/>
      <c r="BC41" s="658"/>
      <c r="BD41" s="670"/>
      <c r="BE41" s="670"/>
      <c r="BF41" s="693"/>
      <c r="BG41" s="698"/>
      <c r="BH41" s="699"/>
      <c r="BI41" s="699"/>
      <c r="BJ41" s="699"/>
      <c r="BK41" s="699"/>
      <c r="BL41" s="223"/>
      <c r="BM41" s="655" t="s">
        <v>353</v>
      </c>
      <c r="BN41" s="655"/>
      <c r="BO41" s="655"/>
      <c r="BP41" s="655"/>
      <c r="BQ41" s="655"/>
      <c r="BR41" s="655"/>
      <c r="BS41" s="655"/>
      <c r="BT41" s="655"/>
      <c r="BU41" s="656"/>
      <c r="BV41" s="657" t="s">
        <v>177</v>
      </c>
      <c r="BW41" s="658"/>
      <c r="BX41" s="658"/>
      <c r="BY41" s="658"/>
      <c r="BZ41" s="658"/>
      <c r="CA41" s="658"/>
      <c r="CB41" s="694"/>
      <c r="CD41" s="654" t="s">
        <v>354</v>
      </c>
      <c r="CE41" s="655"/>
      <c r="CF41" s="655"/>
      <c r="CG41" s="655"/>
      <c r="CH41" s="655"/>
      <c r="CI41" s="655"/>
      <c r="CJ41" s="655"/>
      <c r="CK41" s="655"/>
      <c r="CL41" s="655"/>
      <c r="CM41" s="655"/>
      <c r="CN41" s="655"/>
      <c r="CO41" s="655"/>
      <c r="CP41" s="655"/>
      <c r="CQ41" s="656"/>
      <c r="CR41" s="657" t="s">
        <v>237</v>
      </c>
      <c r="CS41" s="670"/>
      <c r="CT41" s="670"/>
      <c r="CU41" s="670"/>
      <c r="CV41" s="670"/>
      <c r="CW41" s="670"/>
      <c r="CX41" s="670"/>
      <c r="CY41" s="671"/>
      <c r="CZ41" s="660" t="s">
        <v>177</v>
      </c>
      <c r="DA41" s="672"/>
      <c r="DB41" s="672"/>
      <c r="DC41" s="673"/>
      <c r="DD41" s="663" t="s">
        <v>237</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55</v>
      </c>
      <c r="AR42" s="703"/>
      <c r="AS42" s="703"/>
      <c r="AT42" s="703"/>
      <c r="AU42" s="703"/>
      <c r="AV42" s="703"/>
      <c r="AW42" s="703"/>
      <c r="AX42" s="703"/>
      <c r="AY42" s="704"/>
      <c r="AZ42" s="641">
        <v>1113725</v>
      </c>
      <c r="BA42" s="682"/>
      <c r="BB42" s="682"/>
      <c r="BC42" s="682"/>
      <c r="BD42" s="642"/>
      <c r="BE42" s="642"/>
      <c r="BF42" s="705"/>
      <c r="BG42" s="700"/>
      <c r="BH42" s="701"/>
      <c r="BI42" s="701"/>
      <c r="BJ42" s="701"/>
      <c r="BK42" s="701"/>
      <c r="BL42" s="224"/>
      <c r="BM42" s="639" t="s">
        <v>356</v>
      </c>
      <c r="BN42" s="639"/>
      <c r="BO42" s="639"/>
      <c r="BP42" s="639"/>
      <c r="BQ42" s="639"/>
      <c r="BR42" s="639"/>
      <c r="BS42" s="639"/>
      <c r="BT42" s="639"/>
      <c r="BU42" s="640"/>
      <c r="BV42" s="641">
        <v>326</v>
      </c>
      <c r="BW42" s="682"/>
      <c r="BX42" s="682"/>
      <c r="BY42" s="682"/>
      <c r="BZ42" s="682"/>
      <c r="CA42" s="682"/>
      <c r="CB42" s="683"/>
      <c r="CD42" s="654" t="s">
        <v>357</v>
      </c>
      <c r="CE42" s="655"/>
      <c r="CF42" s="655"/>
      <c r="CG42" s="655"/>
      <c r="CH42" s="655"/>
      <c r="CI42" s="655"/>
      <c r="CJ42" s="655"/>
      <c r="CK42" s="655"/>
      <c r="CL42" s="655"/>
      <c r="CM42" s="655"/>
      <c r="CN42" s="655"/>
      <c r="CO42" s="655"/>
      <c r="CP42" s="655"/>
      <c r="CQ42" s="656"/>
      <c r="CR42" s="657">
        <v>1627552</v>
      </c>
      <c r="CS42" s="670"/>
      <c r="CT42" s="670"/>
      <c r="CU42" s="670"/>
      <c r="CV42" s="670"/>
      <c r="CW42" s="670"/>
      <c r="CX42" s="670"/>
      <c r="CY42" s="671"/>
      <c r="CZ42" s="660">
        <v>8.6</v>
      </c>
      <c r="DA42" s="672"/>
      <c r="DB42" s="672"/>
      <c r="DC42" s="673"/>
      <c r="DD42" s="663">
        <v>535940</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4" t="s">
        <v>358</v>
      </c>
      <c r="CD43" s="654" t="s">
        <v>359</v>
      </c>
      <c r="CE43" s="655"/>
      <c r="CF43" s="655"/>
      <c r="CG43" s="655"/>
      <c r="CH43" s="655"/>
      <c r="CI43" s="655"/>
      <c r="CJ43" s="655"/>
      <c r="CK43" s="655"/>
      <c r="CL43" s="655"/>
      <c r="CM43" s="655"/>
      <c r="CN43" s="655"/>
      <c r="CO43" s="655"/>
      <c r="CP43" s="655"/>
      <c r="CQ43" s="656"/>
      <c r="CR43" s="657">
        <v>24846</v>
      </c>
      <c r="CS43" s="670"/>
      <c r="CT43" s="670"/>
      <c r="CU43" s="670"/>
      <c r="CV43" s="670"/>
      <c r="CW43" s="670"/>
      <c r="CX43" s="670"/>
      <c r="CY43" s="671"/>
      <c r="CZ43" s="660">
        <v>0.1</v>
      </c>
      <c r="DA43" s="672"/>
      <c r="DB43" s="672"/>
      <c r="DC43" s="673"/>
      <c r="DD43" s="663">
        <v>24846</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60</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07</v>
      </c>
      <c r="CE44" s="677"/>
      <c r="CF44" s="654" t="s">
        <v>361</v>
      </c>
      <c r="CG44" s="655"/>
      <c r="CH44" s="655"/>
      <c r="CI44" s="655"/>
      <c r="CJ44" s="655"/>
      <c r="CK44" s="655"/>
      <c r="CL44" s="655"/>
      <c r="CM44" s="655"/>
      <c r="CN44" s="655"/>
      <c r="CO44" s="655"/>
      <c r="CP44" s="655"/>
      <c r="CQ44" s="656"/>
      <c r="CR44" s="657">
        <v>1627552</v>
      </c>
      <c r="CS44" s="658"/>
      <c r="CT44" s="658"/>
      <c r="CU44" s="658"/>
      <c r="CV44" s="658"/>
      <c r="CW44" s="658"/>
      <c r="CX44" s="658"/>
      <c r="CY44" s="659"/>
      <c r="CZ44" s="660">
        <v>8.6</v>
      </c>
      <c r="DA44" s="661"/>
      <c r="DB44" s="661"/>
      <c r="DC44" s="662"/>
      <c r="DD44" s="663">
        <v>535940</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62</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3</v>
      </c>
      <c r="CG45" s="655"/>
      <c r="CH45" s="655"/>
      <c r="CI45" s="655"/>
      <c r="CJ45" s="655"/>
      <c r="CK45" s="655"/>
      <c r="CL45" s="655"/>
      <c r="CM45" s="655"/>
      <c r="CN45" s="655"/>
      <c r="CO45" s="655"/>
      <c r="CP45" s="655"/>
      <c r="CQ45" s="656"/>
      <c r="CR45" s="657">
        <v>104050</v>
      </c>
      <c r="CS45" s="670"/>
      <c r="CT45" s="670"/>
      <c r="CU45" s="670"/>
      <c r="CV45" s="670"/>
      <c r="CW45" s="670"/>
      <c r="CX45" s="670"/>
      <c r="CY45" s="671"/>
      <c r="CZ45" s="660">
        <v>0.6</v>
      </c>
      <c r="DA45" s="672"/>
      <c r="DB45" s="672"/>
      <c r="DC45" s="673"/>
      <c r="DD45" s="663">
        <v>15288</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5"/>
      <c r="CD46" s="678"/>
      <c r="CE46" s="679"/>
      <c r="CF46" s="654" t="s">
        <v>364</v>
      </c>
      <c r="CG46" s="655"/>
      <c r="CH46" s="655"/>
      <c r="CI46" s="655"/>
      <c r="CJ46" s="655"/>
      <c r="CK46" s="655"/>
      <c r="CL46" s="655"/>
      <c r="CM46" s="655"/>
      <c r="CN46" s="655"/>
      <c r="CO46" s="655"/>
      <c r="CP46" s="655"/>
      <c r="CQ46" s="656"/>
      <c r="CR46" s="657">
        <v>1517847</v>
      </c>
      <c r="CS46" s="658"/>
      <c r="CT46" s="658"/>
      <c r="CU46" s="658"/>
      <c r="CV46" s="658"/>
      <c r="CW46" s="658"/>
      <c r="CX46" s="658"/>
      <c r="CY46" s="659"/>
      <c r="CZ46" s="660">
        <v>8.1</v>
      </c>
      <c r="DA46" s="661"/>
      <c r="DB46" s="661"/>
      <c r="DC46" s="662"/>
      <c r="DD46" s="663">
        <v>514997</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5"/>
      <c r="CD47" s="678"/>
      <c r="CE47" s="679"/>
      <c r="CF47" s="654" t="s">
        <v>365</v>
      </c>
      <c r="CG47" s="655"/>
      <c r="CH47" s="655"/>
      <c r="CI47" s="655"/>
      <c r="CJ47" s="655"/>
      <c r="CK47" s="655"/>
      <c r="CL47" s="655"/>
      <c r="CM47" s="655"/>
      <c r="CN47" s="655"/>
      <c r="CO47" s="655"/>
      <c r="CP47" s="655"/>
      <c r="CQ47" s="656"/>
      <c r="CR47" s="657" t="s">
        <v>237</v>
      </c>
      <c r="CS47" s="670"/>
      <c r="CT47" s="670"/>
      <c r="CU47" s="670"/>
      <c r="CV47" s="670"/>
      <c r="CW47" s="670"/>
      <c r="CX47" s="670"/>
      <c r="CY47" s="671"/>
      <c r="CZ47" s="660" t="s">
        <v>237</v>
      </c>
      <c r="DA47" s="672"/>
      <c r="DB47" s="672"/>
      <c r="DC47" s="673"/>
      <c r="DD47" s="663" t="s">
        <v>237</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5"/>
      <c r="CD48" s="680"/>
      <c r="CE48" s="681"/>
      <c r="CF48" s="654" t="s">
        <v>366</v>
      </c>
      <c r="CG48" s="655"/>
      <c r="CH48" s="655"/>
      <c r="CI48" s="655"/>
      <c r="CJ48" s="655"/>
      <c r="CK48" s="655"/>
      <c r="CL48" s="655"/>
      <c r="CM48" s="655"/>
      <c r="CN48" s="655"/>
      <c r="CO48" s="655"/>
      <c r="CP48" s="655"/>
      <c r="CQ48" s="656"/>
      <c r="CR48" s="657" t="s">
        <v>177</v>
      </c>
      <c r="CS48" s="658"/>
      <c r="CT48" s="658"/>
      <c r="CU48" s="658"/>
      <c r="CV48" s="658"/>
      <c r="CW48" s="658"/>
      <c r="CX48" s="658"/>
      <c r="CY48" s="659"/>
      <c r="CZ48" s="660" t="s">
        <v>177</v>
      </c>
      <c r="DA48" s="661"/>
      <c r="DB48" s="661"/>
      <c r="DC48" s="662"/>
      <c r="DD48" s="663" t="s">
        <v>237</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5"/>
      <c r="CD49" s="638" t="s">
        <v>367</v>
      </c>
      <c r="CE49" s="639"/>
      <c r="CF49" s="639"/>
      <c r="CG49" s="639"/>
      <c r="CH49" s="639"/>
      <c r="CI49" s="639"/>
      <c r="CJ49" s="639"/>
      <c r="CK49" s="639"/>
      <c r="CL49" s="639"/>
      <c r="CM49" s="639"/>
      <c r="CN49" s="639"/>
      <c r="CO49" s="639"/>
      <c r="CP49" s="639"/>
      <c r="CQ49" s="640"/>
      <c r="CR49" s="641">
        <v>18851296</v>
      </c>
      <c r="CS49" s="642"/>
      <c r="CT49" s="642"/>
      <c r="CU49" s="642"/>
      <c r="CV49" s="642"/>
      <c r="CW49" s="642"/>
      <c r="CX49" s="642"/>
      <c r="CY49" s="643"/>
      <c r="CZ49" s="644">
        <v>100</v>
      </c>
      <c r="DA49" s="645"/>
      <c r="DB49" s="645"/>
      <c r="DC49" s="646"/>
      <c r="DD49" s="647">
        <v>12687084</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ibOEgA05cKnmsLU7RbsFf+Hilh/s7OOzyFS1444w13o48B5MwaIx+3hhLQF+U2MNAQl+Q8gCPEV6MrBEv6GHMg==" saltValue="a03utK3bu14pnKW0E4+Pj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81640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26" t="s">
        <v>368</v>
      </c>
      <c r="B2" s="1126"/>
      <c r="C2" s="1126"/>
      <c r="D2" s="1126"/>
      <c r="E2" s="1126"/>
      <c r="F2" s="1126"/>
      <c r="G2" s="1126"/>
      <c r="H2" s="1126"/>
      <c r="I2" s="1126"/>
      <c r="J2" s="1126"/>
      <c r="K2" s="1126"/>
      <c r="L2" s="1126"/>
      <c r="M2" s="1126"/>
      <c r="N2" s="1126"/>
      <c r="O2" s="1126"/>
      <c r="P2" s="1126"/>
      <c r="Q2" s="1126"/>
      <c r="R2" s="1126"/>
      <c r="S2" s="1126"/>
      <c r="T2" s="1126"/>
      <c r="U2" s="1126"/>
      <c r="V2" s="1126"/>
      <c r="W2" s="1126"/>
      <c r="X2" s="1126"/>
      <c r="Y2" s="1126"/>
      <c r="Z2" s="1126"/>
      <c r="AA2" s="1126"/>
      <c r="AB2" s="1126"/>
      <c r="AC2" s="1126"/>
      <c r="AD2" s="1126"/>
      <c r="AE2" s="1126"/>
      <c r="AF2" s="1126"/>
      <c r="AG2" s="1126"/>
      <c r="AH2" s="1126"/>
      <c r="AI2" s="1126"/>
      <c r="AJ2" s="1126"/>
      <c r="AK2" s="1126"/>
      <c r="AL2" s="1126"/>
      <c r="AM2" s="1126"/>
      <c r="AN2" s="1126"/>
      <c r="AO2" s="1126"/>
      <c r="AP2" s="1126"/>
      <c r="AQ2" s="1126"/>
      <c r="AR2" s="1126"/>
      <c r="AS2" s="1126"/>
      <c r="AT2" s="1126"/>
      <c r="AU2" s="1126"/>
      <c r="AV2" s="1126"/>
      <c r="AW2" s="1126"/>
      <c r="AX2" s="1126"/>
      <c r="AY2" s="1126"/>
      <c r="AZ2" s="1126"/>
      <c r="BA2" s="1126"/>
      <c r="BB2" s="1126"/>
      <c r="BC2" s="1126"/>
      <c r="BD2" s="1126"/>
      <c r="BE2" s="1126"/>
      <c r="BF2" s="1126"/>
      <c r="BG2" s="1126"/>
      <c r="BH2" s="1126"/>
      <c r="BI2" s="1126"/>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27" t="s">
        <v>369</v>
      </c>
      <c r="DK2" s="1128"/>
      <c r="DL2" s="1128"/>
      <c r="DM2" s="1128"/>
      <c r="DN2" s="1128"/>
      <c r="DO2" s="1129"/>
      <c r="DP2" s="228"/>
      <c r="DQ2" s="1127" t="s">
        <v>370</v>
      </c>
      <c r="DR2" s="1128"/>
      <c r="DS2" s="1128"/>
      <c r="DT2" s="1128"/>
      <c r="DU2" s="1128"/>
      <c r="DV2" s="1128"/>
      <c r="DW2" s="1128"/>
      <c r="DX2" s="1128"/>
      <c r="DY2" s="1128"/>
      <c r="DZ2" s="1129"/>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95" t="s">
        <v>371</v>
      </c>
      <c r="B4" s="1095"/>
      <c r="C4" s="1095"/>
      <c r="D4" s="1095"/>
      <c r="E4" s="1095"/>
      <c r="F4" s="1095"/>
      <c r="G4" s="1095"/>
      <c r="H4" s="1095"/>
      <c r="I4" s="1095"/>
      <c r="J4" s="1095"/>
      <c r="K4" s="1095"/>
      <c r="L4" s="1095"/>
      <c r="M4" s="1095"/>
      <c r="N4" s="1095"/>
      <c r="O4" s="1095"/>
      <c r="P4" s="1095"/>
      <c r="Q4" s="1095"/>
      <c r="R4" s="1095"/>
      <c r="S4" s="1095"/>
      <c r="T4" s="1095"/>
      <c r="U4" s="1095"/>
      <c r="V4" s="1095"/>
      <c r="W4" s="1095"/>
      <c r="X4" s="1095"/>
      <c r="Y4" s="1095"/>
      <c r="Z4" s="1095"/>
      <c r="AA4" s="1095"/>
      <c r="AB4" s="1095"/>
      <c r="AC4" s="1095"/>
      <c r="AD4" s="1095"/>
      <c r="AE4" s="1095"/>
      <c r="AF4" s="1095"/>
      <c r="AG4" s="1095"/>
      <c r="AH4" s="1095"/>
      <c r="AI4" s="1095"/>
      <c r="AJ4" s="1095"/>
      <c r="AK4" s="1095"/>
      <c r="AL4" s="1095"/>
      <c r="AM4" s="1095"/>
      <c r="AN4" s="1095"/>
      <c r="AO4" s="1095"/>
      <c r="AP4" s="1095"/>
      <c r="AQ4" s="1095"/>
      <c r="AR4" s="1095"/>
      <c r="AS4" s="1095"/>
      <c r="AT4" s="1095"/>
      <c r="AU4" s="1095"/>
      <c r="AV4" s="1095"/>
      <c r="AW4" s="1095"/>
      <c r="AX4" s="1095"/>
      <c r="AY4" s="1095"/>
      <c r="AZ4" s="232"/>
      <c r="BA4" s="232"/>
      <c r="BB4" s="232"/>
      <c r="BC4" s="232"/>
      <c r="BD4" s="232"/>
      <c r="BE4" s="233"/>
      <c r="BF4" s="233"/>
      <c r="BG4" s="233"/>
      <c r="BH4" s="233"/>
      <c r="BI4" s="233"/>
      <c r="BJ4" s="233"/>
      <c r="BK4" s="233"/>
      <c r="BL4" s="233"/>
      <c r="BM4" s="233"/>
      <c r="BN4" s="233"/>
      <c r="BO4" s="233"/>
      <c r="BP4" s="233"/>
      <c r="BQ4" s="766" t="s">
        <v>372</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4"/>
    </row>
    <row r="5" spans="1:131" s="235" customFormat="1" ht="26.25" customHeight="1" x14ac:dyDescent="0.2">
      <c r="A5" s="1031" t="s">
        <v>373</v>
      </c>
      <c r="B5" s="1032"/>
      <c r="C5" s="1032"/>
      <c r="D5" s="1032"/>
      <c r="E5" s="1032"/>
      <c r="F5" s="1032"/>
      <c r="G5" s="1032"/>
      <c r="H5" s="1032"/>
      <c r="I5" s="1032"/>
      <c r="J5" s="1032"/>
      <c r="K5" s="1032"/>
      <c r="L5" s="1032"/>
      <c r="M5" s="1032"/>
      <c r="N5" s="1032"/>
      <c r="O5" s="1032"/>
      <c r="P5" s="1033"/>
      <c r="Q5" s="1037" t="s">
        <v>374</v>
      </c>
      <c r="R5" s="1038"/>
      <c r="S5" s="1038"/>
      <c r="T5" s="1038"/>
      <c r="U5" s="1039"/>
      <c r="V5" s="1037" t="s">
        <v>375</v>
      </c>
      <c r="W5" s="1038"/>
      <c r="X5" s="1038"/>
      <c r="Y5" s="1038"/>
      <c r="Z5" s="1039"/>
      <c r="AA5" s="1037" t="s">
        <v>376</v>
      </c>
      <c r="AB5" s="1038"/>
      <c r="AC5" s="1038"/>
      <c r="AD5" s="1038"/>
      <c r="AE5" s="1038"/>
      <c r="AF5" s="1130" t="s">
        <v>377</v>
      </c>
      <c r="AG5" s="1038"/>
      <c r="AH5" s="1038"/>
      <c r="AI5" s="1038"/>
      <c r="AJ5" s="1051"/>
      <c r="AK5" s="1038" t="s">
        <v>378</v>
      </c>
      <c r="AL5" s="1038"/>
      <c r="AM5" s="1038"/>
      <c r="AN5" s="1038"/>
      <c r="AO5" s="1039"/>
      <c r="AP5" s="1037" t="s">
        <v>379</v>
      </c>
      <c r="AQ5" s="1038"/>
      <c r="AR5" s="1038"/>
      <c r="AS5" s="1038"/>
      <c r="AT5" s="1039"/>
      <c r="AU5" s="1037" t="s">
        <v>380</v>
      </c>
      <c r="AV5" s="1038"/>
      <c r="AW5" s="1038"/>
      <c r="AX5" s="1038"/>
      <c r="AY5" s="1051"/>
      <c r="AZ5" s="232"/>
      <c r="BA5" s="232"/>
      <c r="BB5" s="232"/>
      <c r="BC5" s="232"/>
      <c r="BD5" s="232"/>
      <c r="BE5" s="233"/>
      <c r="BF5" s="233"/>
      <c r="BG5" s="233"/>
      <c r="BH5" s="233"/>
      <c r="BI5" s="233"/>
      <c r="BJ5" s="233"/>
      <c r="BK5" s="233"/>
      <c r="BL5" s="233"/>
      <c r="BM5" s="233"/>
      <c r="BN5" s="233"/>
      <c r="BO5" s="233"/>
      <c r="BP5" s="233"/>
      <c r="BQ5" s="1031" t="s">
        <v>381</v>
      </c>
      <c r="BR5" s="1032"/>
      <c r="BS5" s="1032"/>
      <c r="BT5" s="1032"/>
      <c r="BU5" s="1032"/>
      <c r="BV5" s="1032"/>
      <c r="BW5" s="1032"/>
      <c r="BX5" s="1032"/>
      <c r="BY5" s="1032"/>
      <c r="BZ5" s="1032"/>
      <c r="CA5" s="1032"/>
      <c r="CB5" s="1032"/>
      <c r="CC5" s="1032"/>
      <c r="CD5" s="1032"/>
      <c r="CE5" s="1032"/>
      <c r="CF5" s="1032"/>
      <c r="CG5" s="1033"/>
      <c r="CH5" s="1037" t="s">
        <v>382</v>
      </c>
      <c r="CI5" s="1038"/>
      <c r="CJ5" s="1038"/>
      <c r="CK5" s="1038"/>
      <c r="CL5" s="1039"/>
      <c r="CM5" s="1037" t="s">
        <v>383</v>
      </c>
      <c r="CN5" s="1038"/>
      <c r="CO5" s="1038"/>
      <c r="CP5" s="1038"/>
      <c r="CQ5" s="1039"/>
      <c r="CR5" s="1037" t="s">
        <v>384</v>
      </c>
      <c r="CS5" s="1038"/>
      <c r="CT5" s="1038"/>
      <c r="CU5" s="1038"/>
      <c r="CV5" s="1039"/>
      <c r="CW5" s="1037" t="s">
        <v>385</v>
      </c>
      <c r="CX5" s="1038"/>
      <c r="CY5" s="1038"/>
      <c r="CZ5" s="1038"/>
      <c r="DA5" s="1039"/>
      <c r="DB5" s="1037" t="s">
        <v>386</v>
      </c>
      <c r="DC5" s="1038"/>
      <c r="DD5" s="1038"/>
      <c r="DE5" s="1038"/>
      <c r="DF5" s="1039"/>
      <c r="DG5" s="1120" t="s">
        <v>387</v>
      </c>
      <c r="DH5" s="1121"/>
      <c r="DI5" s="1121"/>
      <c r="DJ5" s="1121"/>
      <c r="DK5" s="1122"/>
      <c r="DL5" s="1120" t="s">
        <v>388</v>
      </c>
      <c r="DM5" s="1121"/>
      <c r="DN5" s="1121"/>
      <c r="DO5" s="1121"/>
      <c r="DP5" s="1122"/>
      <c r="DQ5" s="1037" t="s">
        <v>389</v>
      </c>
      <c r="DR5" s="1038"/>
      <c r="DS5" s="1038"/>
      <c r="DT5" s="1038"/>
      <c r="DU5" s="1039"/>
      <c r="DV5" s="1037" t="s">
        <v>380</v>
      </c>
      <c r="DW5" s="1038"/>
      <c r="DX5" s="1038"/>
      <c r="DY5" s="1038"/>
      <c r="DZ5" s="1051"/>
      <c r="EA5" s="234"/>
    </row>
    <row r="6" spans="1:131" s="235"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1"/>
      <c r="AG6" s="1041"/>
      <c r="AH6" s="1041"/>
      <c r="AI6" s="1041"/>
      <c r="AJ6" s="1052"/>
      <c r="AK6" s="1041"/>
      <c r="AL6" s="1041"/>
      <c r="AM6" s="1041"/>
      <c r="AN6" s="1041"/>
      <c r="AO6" s="1042"/>
      <c r="AP6" s="1040"/>
      <c r="AQ6" s="1041"/>
      <c r="AR6" s="1041"/>
      <c r="AS6" s="1041"/>
      <c r="AT6" s="1042"/>
      <c r="AU6" s="1040"/>
      <c r="AV6" s="1041"/>
      <c r="AW6" s="1041"/>
      <c r="AX6" s="1041"/>
      <c r="AY6" s="1052"/>
      <c r="AZ6" s="232"/>
      <c r="BA6" s="232"/>
      <c r="BB6" s="232"/>
      <c r="BC6" s="232"/>
      <c r="BD6" s="232"/>
      <c r="BE6" s="233"/>
      <c r="BF6" s="233"/>
      <c r="BG6" s="233"/>
      <c r="BH6" s="233"/>
      <c r="BI6" s="233"/>
      <c r="BJ6" s="233"/>
      <c r="BK6" s="233"/>
      <c r="BL6" s="233"/>
      <c r="BM6" s="233"/>
      <c r="BN6" s="233"/>
      <c r="BO6" s="233"/>
      <c r="BP6" s="233"/>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3"/>
      <c r="DH6" s="1124"/>
      <c r="DI6" s="1124"/>
      <c r="DJ6" s="1124"/>
      <c r="DK6" s="1125"/>
      <c r="DL6" s="1123"/>
      <c r="DM6" s="1124"/>
      <c r="DN6" s="1124"/>
      <c r="DO6" s="1124"/>
      <c r="DP6" s="1125"/>
      <c r="DQ6" s="1040"/>
      <c r="DR6" s="1041"/>
      <c r="DS6" s="1041"/>
      <c r="DT6" s="1041"/>
      <c r="DU6" s="1042"/>
      <c r="DV6" s="1040"/>
      <c r="DW6" s="1041"/>
      <c r="DX6" s="1041"/>
      <c r="DY6" s="1041"/>
      <c r="DZ6" s="1052"/>
      <c r="EA6" s="234"/>
    </row>
    <row r="7" spans="1:131" s="235" customFormat="1" ht="26.25" customHeight="1" thickTop="1" x14ac:dyDescent="0.2">
      <c r="A7" s="236">
        <v>1</v>
      </c>
      <c r="B7" s="1083" t="s">
        <v>390</v>
      </c>
      <c r="C7" s="1084"/>
      <c r="D7" s="1084"/>
      <c r="E7" s="1084"/>
      <c r="F7" s="1084"/>
      <c r="G7" s="1084"/>
      <c r="H7" s="1084"/>
      <c r="I7" s="1084"/>
      <c r="J7" s="1084"/>
      <c r="K7" s="1084"/>
      <c r="L7" s="1084"/>
      <c r="M7" s="1084"/>
      <c r="N7" s="1084"/>
      <c r="O7" s="1084"/>
      <c r="P7" s="1085"/>
      <c r="Q7" s="1138">
        <v>20942</v>
      </c>
      <c r="R7" s="1139"/>
      <c r="S7" s="1139"/>
      <c r="T7" s="1139"/>
      <c r="U7" s="1139"/>
      <c r="V7" s="1139">
        <v>18892</v>
      </c>
      <c r="W7" s="1139"/>
      <c r="X7" s="1139"/>
      <c r="Y7" s="1139"/>
      <c r="Z7" s="1139"/>
      <c r="AA7" s="1139">
        <v>2050</v>
      </c>
      <c r="AB7" s="1139"/>
      <c r="AC7" s="1139"/>
      <c r="AD7" s="1139"/>
      <c r="AE7" s="1140"/>
      <c r="AF7" s="1141">
        <v>1947</v>
      </c>
      <c r="AG7" s="1142"/>
      <c r="AH7" s="1142"/>
      <c r="AI7" s="1142"/>
      <c r="AJ7" s="1143"/>
      <c r="AK7" s="1144" t="s">
        <v>525</v>
      </c>
      <c r="AL7" s="1145"/>
      <c r="AM7" s="1145"/>
      <c r="AN7" s="1145"/>
      <c r="AO7" s="1145"/>
      <c r="AP7" s="1145">
        <v>6859</v>
      </c>
      <c r="AQ7" s="1145"/>
      <c r="AR7" s="1145"/>
      <c r="AS7" s="1145"/>
      <c r="AT7" s="1145"/>
      <c r="AU7" s="1146"/>
      <c r="AV7" s="1146"/>
      <c r="AW7" s="1146"/>
      <c r="AX7" s="1146"/>
      <c r="AY7" s="1147"/>
      <c r="AZ7" s="232"/>
      <c r="BA7" s="232"/>
      <c r="BB7" s="232"/>
      <c r="BC7" s="232"/>
      <c r="BD7" s="232"/>
      <c r="BE7" s="233"/>
      <c r="BF7" s="233"/>
      <c r="BG7" s="233"/>
      <c r="BH7" s="233"/>
      <c r="BI7" s="233"/>
      <c r="BJ7" s="233"/>
      <c r="BK7" s="233"/>
      <c r="BL7" s="233"/>
      <c r="BM7" s="233"/>
      <c r="BN7" s="233"/>
      <c r="BO7" s="233"/>
      <c r="BP7" s="233"/>
      <c r="BQ7" s="236">
        <v>1</v>
      </c>
      <c r="BR7" s="237"/>
      <c r="BS7" s="1135" t="s">
        <v>584</v>
      </c>
      <c r="BT7" s="1136"/>
      <c r="BU7" s="1136"/>
      <c r="BV7" s="1136"/>
      <c r="BW7" s="1136"/>
      <c r="BX7" s="1136"/>
      <c r="BY7" s="1136"/>
      <c r="BZ7" s="1136"/>
      <c r="CA7" s="1136"/>
      <c r="CB7" s="1136"/>
      <c r="CC7" s="1136"/>
      <c r="CD7" s="1136"/>
      <c r="CE7" s="1136"/>
      <c r="CF7" s="1136"/>
      <c r="CG7" s="1148"/>
      <c r="CH7" s="1132" t="s">
        <v>525</v>
      </c>
      <c r="CI7" s="1133"/>
      <c r="CJ7" s="1133"/>
      <c r="CK7" s="1133"/>
      <c r="CL7" s="1134"/>
      <c r="CM7" s="1132">
        <v>1</v>
      </c>
      <c r="CN7" s="1133"/>
      <c r="CO7" s="1133"/>
      <c r="CP7" s="1133"/>
      <c r="CQ7" s="1134"/>
      <c r="CR7" s="1132">
        <v>1</v>
      </c>
      <c r="CS7" s="1133"/>
      <c r="CT7" s="1133"/>
      <c r="CU7" s="1133"/>
      <c r="CV7" s="1134"/>
      <c r="CW7" s="1132" t="s">
        <v>525</v>
      </c>
      <c r="CX7" s="1133"/>
      <c r="CY7" s="1133"/>
      <c r="CZ7" s="1133"/>
      <c r="DA7" s="1134"/>
      <c r="DB7" s="1132" t="s">
        <v>525</v>
      </c>
      <c r="DC7" s="1133"/>
      <c r="DD7" s="1133"/>
      <c r="DE7" s="1133"/>
      <c r="DF7" s="1134"/>
      <c r="DG7" s="1132" t="s">
        <v>525</v>
      </c>
      <c r="DH7" s="1133"/>
      <c r="DI7" s="1133"/>
      <c r="DJ7" s="1133"/>
      <c r="DK7" s="1134"/>
      <c r="DL7" s="1132" t="s">
        <v>525</v>
      </c>
      <c r="DM7" s="1133"/>
      <c r="DN7" s="1133"/>
      <c r="DO7" s="1133"/>
      <c r="DP7" s="1134"/>
      <c r="DQ7" s="1132" t="s">
        <v>525</v>
      </c>
      <c r="DR7" s="1133"/>
      <c r="DS7" s="1133"/>
      <c r="DT7" s="1133"/>
      <c r="DU7" s="1134"/>
      <c r="DV7" s="1135"/>
      <c r="DW7" s="1136"/>
      <c r="DX7" s="1136"/>
      <c r="DY7" s="1136"/>
      <c r="DZ7" s="1137"/>
      <c r="EA7" s="234"/>
    </row>
    <row r="8" spans="1:131" s="235" customFormat="1" ht="26.25" customHeight="1" x14ac:dyDescent="0.2">
      <c r="A8" s="238">
        <v>2</v>
      </c>
      <c r="B8" s="1066"/>
      <c r="C8" s="1067"/>
      <c r="D8" s="1067"/>
      <c r="E8" s="1067"/>
      <c r="F8" s="1067"/>
      <c r="G8" s="1067"/>
      <c r="H8" s="1067"/>
      <c r="I8" s="1067"/>
      <c r="J8" s="1067"/>
      <c r="K8" s="1067"/>
      <c r="L8" s="1067"/>
      <c r="M8" s="1067"/>
      <c r="N8" s="1067"/>
      <c r="O8" s="1067"/>
      <c r="P8" s="1068"/>
      <c r="Q8" s="1074"/>
      <c r="R8" s="1075"/>
      <c r="S8" s="1075"/>
      <c r="T8" s="1075"/>
      <c r="U8" s="1075"/>
      <c r="V8" s="1075"/>
      <c r="W8" s="1075"/>
      <c r="X8" s="1075"/>
      <c r="Y8" s="1075"/>
      <c r="Z8" s="1075"/>
      <c r="AA8" s="1075"/>
      <c r="AB8" s="1075"/>
      <c r="AC8" s="1075"/>
      <c r="AD8" s="1075"/>
      <c r="AE8" s="1076"/>
      <c r="AF8" s="1071"/>
      <c r="AG8" s="1072"/>
      <c r="AH8" s="1072"/>
      <c r="AI8" s="1072"/>
      <c r="AJ8" s="1073"/>
      <c r="AK8" s="1116"/>
      <c r="AL8" s="1117"/>
      <c r="AM8" s="1117"/>
      <c r="AN8" s="1117"/>
      <c r="AO8" s="1117"/>
      <c r="AP8" s="1117"/>
      <c r="AQ8" s="1117"/>
      <c r="AR8" s="1117"/>
      <c r="AS8" s="1117"/>
      <c r="AT8" s="1117"/>
      <c r="AU8" s="1118"/>
      <c r="AV8" s="1118"/>
      <c r="AW8" s="1118"/>
      <c r="AX8" s="1118"/>
      <c r="AY8" s="1119"/>
      <c r="AZ8" s="232"/>
      <c r="BA8" s="232"/>
      <c r="BB8" s="232"/>
      <c r="BC8" s="232"/>
      <c r="BD8" s="232"/>
      <c r="BE8" s="233"/>
      <c r="BF8" s="233"/>
      <c r="BG8" s="233"/>
      <c r="BH8" s="233"/>
      <c r="BI8" s="233"/>
      <c r="BJ8" s="233"/>
      <c r="BK8" s="233"/>
      <c r="BL8" s="233"/>
      <c r="BM8" s="233"/>
      <c r="BN8" s="233"/>
      <c r="BO8" s="233"/>
      <c r="BP8" s="233"/>
      <c r="BQ8" s="238">
        <v>2</v>
      </c>
      <c r="BR8" s="239"/>
      <c r="BS8" s="1028"/>
      <c r="BT8" s="1029"/>
      <c r="BU8" s="1029"/>
      <c r="BV8" s="1029"/>
      <c r="BW8" s="1029"/>
      <c r="BX8" s="1029"/>
      <c r="BY8" s="1029"/>
      <c r="BZ8" s="1029"/>
      <c r="CA8" s="1029"/>
      <c r="CB8" s="1029"/>
      <c r="CC8" s="1029"/>
      <c r="CD8" s="1029"/>
      <c r="CE8" s="1029"/>
      <c r="CF8" s="1029"/>
      <c r="CG8" s="1050"/>
      <c r="CH8" s="1025"/>
      <c r="CI8" s="1026"/>
      <c r="CJ8" s="1026"/>
      <c r="CK8" s="1026"/>
      <c r="CL8" s="1027"/>
      <c r="CM8" s="1025"/>
      <c r="CN8" s="1026"/>
      <c r="CO8" s="1026"/>
      <c r="CP8" s="1026"/>
      <c r="CQ8" s="1027"/>
      <c r="CR8" s="1025"/>
      <c r="CS8" s="1026"/>
      <c r="CT8" s="1026"/>
      <c r="CU8" s="1026"/>
      <c r="CV8" s="1027"/>
      <c r="CW8" s="1025"/>
      <c r="CX8" s="1026"/>
      <c r="CY8" s="1026"/>
      <c r="CZ8" s="1026"/>
      <c r="DA8" s="1027"/>
      <c r="DB8" s="1025"/>
      <c r="DC8" s="1026"/>
      <c r="DD8" s="1026"/>
      <c r="DE8" s="1026"/>
      <c r="DF8" s="1027"/>
      <c r="DG8" s="1025"/>
      <c r="DH8" s="1026"/>
      <c r="DI8" s="1026"/>
      <c r="DJ8" s="1026"/>
      <c r="DK8" s="1027"/>
      <c r="DL8" s="1025"/>
      <c r="DM8" s="1026"/>
      <c r="DN8" s="1026"/>
      <c r="DO8" s="1026"/>
      <c r="DP8" s="1027"/>
      <c r="DQ8" s="1025"/>
      <c r="DR8" s="1026"/>
      <c r="DS8" s="1026"/>
      <c r="DT8" s="1026"/>
      <c r="DU8" s="1027"/>
      <c r="DV8" s="1028"/>
      <c r="DW8" s="1029"/>
      <c r="DX8" s="1029"/>
      <c r="DY8" s="1029"/>
      <c r="DZ8" s="1030"/>
      <c r="EA8" s="234"/>
    </row>
    <row r="9" spans="1:131" s="235" customFormat="1" ht="26.25" customHeight="1" x14ac:dyDescent="0.2">
      <c r="A9" s="238">
        <v>3</v>
      </c>
      <c r="B9" s="1066"/>
      <c r="C9" s="1067"/>
      <c r="D9" s="1067"/>
      <c r="E9" s="1067"/>
      <c r="F9" s="1067"/>
      <c r="G9" s="1067"/>
      <c r="H9" s="1067"/>
      <c r="I9" s="1067"/>
      <c r="J9" s="1067"/>
      <c r="K9" s="1067"/>
      <c r="L9" s="1067"/>
      <c r="M9" s="1067"/>
      <c r="N9" s="1067"/>
      <c r="O9" s="1067"/>
      <c r="P9" s="1068"/>
      <c r="Q9" s="1074"/>
      <c r="R9" s="1075"/>
      <c r="S9" s="1075"/>
      <c r="T9" s="1075"/>
      <c r="U9" s="1075"/>
      <c r="V9" s="1075"/>
      <c r="W9" s="1075"/>
      <c r="X9" s="1075"/>
      <c r="Y9" s="1075"/>
      <c r="Z9" s="1075"/>
      <c r="AA9" s="1075"/>
      <c r="AB9" s="1075"/>
      <c r="AC9" s="1075"/>
      <c r="AD9" s="1075"/>
      <c r="AE9" s="1076"/>
      <c r="AF9" s="1071"/>
      <c r="AG9" s="1072"/>
      <c r="AH9" s="1072"/>
      <c r="AI9" s="1072"/>
      <c r="AJ9" s="1073"/>
      <c r="AK9" s="1116"/>
      <c r="AL9" s="1117"/>
      <c r="AM9" s="1117"/>
      <c r="AN9" s="1117"/>
      <c r="AO9" s="1117"/>
      <c r="AP9" s="1117"/>
      <c r="AQ9" s="1117"/>
      <c r="AR9" s="1117"/>
      <c r="AS9" s="1117"/>
      <c r="AT9" s="1117"/>
      <c r="AU9" s="1118"/>
      <c r="AV9" s="1118"/>
      <c r="AW9" s="1118"/>
      <c r="AX9" s="1118"/>
      <c r="AY9" s="1119"/>
      <c r="AZ9" s="232"/>
      <c r="BA9" s="232"/>
      <c r="BB9" s="232"/>
      <c r="BC9" s="232"/>
      <c r="BD9" s="232"/>
      <c r="BE9" s="233"/>
      <c r="BF9" s="233"/>
      <c r="BG9" s="233"/>
      <c r="BH9" s="233"/>
      <c r="BI9" s="233"/>
      <c r="BJ9" s="233"/>
      <c r="BK9" s="233"/>
      <c r="BL9" s="233"/>
      <c r="BM9" s="233"/>
      <c r="BN9" s="233"/>
      <c r="BO9" s="233"/>
      <c r="BP9" s="233"/>
      <c r="BQ9" s="238">
        <v>3</v>
      </c>
      <c r="BR9" s="239"/>
      <c r="BS9" s="1028"/>
      <c r="BT9" s="1029"/>
      <c r="BU9" s="1029"/>
      <c r="BV9" s="1029"/>
      <c r="BW9" s="1029"/>
      <c r="BX9" s="1029"/>
      <c r="BY9" s="1029"/>
      <c r="BZ9" s="1029"/>
      <c r="CA9" s="1029"/>
      <c r="CB9" s="1029"/>
      <c r="CC9" s="1029"/>
      <c r="CD9" s="1029"/>
      <c r="CE9" s="1029"/>
      <c r="CF9" s="1029"/>
      <c r="CG9" s="1050"/>
      <c r="CH9" s="1025"/>
      <c r="CI9" s="1026"/>
      <c r="CJ9" s="1026"/>
      <c r="CK9" s="1026"/>
      <c r="CL9" s="1027"/>
      <c r="CM9" s="1025"/>
      <c r="CN9" s="1026"/>
      <c r="CO9" s="1026"/>
      <c r="CP9" s="1026"/>
      <c r="CQ9" s="1027"/>
      <c r="CR9" s="1025"/>
      <c r="CS9" s="1026"/>
      <c r="CT9" s="1026"/>
      <c r="CU9" s="1026"/>
      <c r="CV9" s="1027"/>
      <c r="CW9" s="1025"/>
      <c r="CX9" s="1026"/>
      <c r="CY9" s="1026"/>
      <c r="CZ9" s="1026"/>
      <c r="DA9" s="1027"/>
      <c r="DB9" s="1025"/>
      <c r="DC9" s="1026"/>
      <c r="DD9" s="1026"/>
      <c r="DE9" s="1026"/>
      <c r="DF9" s="1027"/>
      <c r="DG9" s="1025"/>
      <c r="DH9" s="1026"/>
      <c r="DI9" s="1026"/>
      <c r="DJ9" s="1026"/>
      <c r="DK9" s="1027"/>
      <c r="DL9" s="1025"/>
      <c r="DM9" s="1026"/>
      <c r="DN9" s="1026"/>
      <c r="DO9" s="1026"/>
      <c r="DP9" s="1027"/>
      <c r="DQ9" s="1025"/>
      <c r="DR9" s="1026"/>
      <c r="DS9" s="1026"/>
      <c r="DT9" s="1026"/>
      <c r="DU9" s="1027"/>
      <c r="DV9" s="1028"/>
      <c r="DW9" s="1029"/>
      <c r="DX9" s="1029"/>
      <c r="DY9" s="1029"/>
      <c r="DZ9" s="1030"/>
      <c r="EA9" s="234"/>
    </row>
    <row r="10" spans="1:131" s="235" customFormat="1" ht="26.25" customHeight="1" x14ac:dyDescent="0.2">
      <c r="A10" s="238">
        <v>4</v>
      </c>
      <c r="B10" s="1066"/>
      <c r="C10" s="1067"/>
      <c r="D10" s="1067"/>
      <c r="E10" s="1067"/>
      <c r="F10" s="1067"/>
      <c r="G10" s="1067"/>
      <c r="H10" s="1067"/>
      <c r="I10" s="1067"/>
      <c r="J10" s="1067"/>
      <c r="K10" s="1067"/>
      <c r="L10" s="1067"/>
      <c r="M10" s="1067"/>
      <c r="N10" s="1067"/>
      <c r="O10" s="1067"/>
      <c r="P10" s="1068"/>
      <c r="Q10" s="1074"/>
      <c r="R10" s="1075"/>
      <c r="S10" s="1075"/>
      <c r="T10" s="1075"/>
      <c r="U10" s="1075"/>
      <c r="V10" s="1075"/>
      <c r="W10" s="1075"/>
      <c r="X10" s="1075"/>
      <c r="Y10" s="1075"/>
      <c r="Z10" s="1075"/>
      <c r="AA10" s="1075"/>
      <c r="AB10" s="1075"/>
      <c r="AC10" s="1075"/>
      <c r="AD10" s="1075"/>
      <c r="AE10" s="1076"/>
      <c r="AF10" s="1071"/>
      <c r="AG10" s="1072"/>
      <c r="AH10" s="1072"/>
      <c r="AI10" s="1072"/>
      <c r="AJ10" s="1073"/>
      <c r="AK10" s="1116"/>
      <c r="AL10" s="1117"/>
      <c r="AM10" s="1117"/>
      <c r="AN10" s="1117"/>
      <c r="AO10" s="1117"/>
      <c r="AP10" s="1117"/>
      <c r="AQ10" s="1117"/>
      <c r="AR10" s="1117"/>
      <c r="AS10" s="1117"/>
      <c r="AT10" s="1117"/>
      <c r="AU10" s="1118"/>
      <c r="AV10" s="1118"/>
      <c r="AW10" s="1118"/>
      <c r="AX10" s="1118"/>
      <c r="AY10" s="1119"/>
      <c r="AZ10" s="232"/>
      <c r="BA10" s="232"/>
      <c r="BB10" s="232"/>
      <c r="BC10" s="232"/>
      <c r="BD10" s="232"/>
      <c r="BE10" s="233"/>
      <c r="BF10" s="233"/>
      <c r="BG10" s="233"/>
      <c r="BH10" s="233"/>
      <c r="BI10" s="233"/>
      <c r="BJ10" s="233"/>
      <c r="BK10" s="233"/>
      <c r="BL10" s="233"/>
      <c r="BM10" s="233"/>
      <c r="BN10" s="233"/>
      <c r="BO10" s="233"/>
      <c r="BP10" s="233"/>
      <c r="BQ10" s="238">
        <v>4</v>
      </c>
      <c r="BR10" s="239"/>
      <c r="BS10" s="1028"/>
      <c r="BT10" s="1029"/>
      <c r="BU10" s="1029"/>
      <c r="BV10" s="1029"/>
      <c r="BW10" s="1029"/>
      <c r="BX10" s="1029"/>
      <c r="BY10" s="1029"/>
      <c r="BZ10" s="1029"/>
      <c r="CA10" s="1029"/>
      <c r="CB10" s="1029"/>
      <c r="CC10" s="1029"/>
      <c r="CD10" s="1029"/>
      <c r="CE10" s="1029"/>
      <c r="CF10" s="1029"/>
      <c r="CG10" s="1050"/>
      <c r="CH10" s="1025"/>
      <c r="CI10" s="1026"/>
      <c r="CJ10" s="1026"/>
      <c r="CK10" s="1026"/>
      <c r="CL10" s="1027"/>
      <c r="CM10" s="1025"/>
      <c r="CN10" s="1026"/>
      <c r="CO10" s="1026"/>
      <c r="CP10" s="1026"/>
      <c r="CQ10" s="1027"/>
      <c r="CR10" s="1025"/>
      <c r="CS10" s="1026"/>
      <c r="CT10" s="1026"/>
      <c r="CU10" s="1026"/>
      <c r="CV10" s="1027"/>
      <c r="CW10" s="1025"/>
      <c r="CX10" s="1026"/>
      <c r="CY10" s="1026"/>
      <c r="CZ10" s="1026"/>
      <c r="DA10" s="1027"/>
      <c r="DB10" s="1025"/>
      <c r="DC10" s="1026"/>
      <c r="DD10" s="1026"/>
      <c r="DE10" s="1026"/>
      <c r="DF10" s="1027"/>
      <c r="DG10" s="1025"/>
      <c r="DH10" s="1026"/>
      <c r="DI10" s="1026"/>
      <c r="DJ10" s="1026"/>
      <c r="DK10" s="1027"/>
      <c r="DL10" s="1025"/>
      <c r="DM10" s="1026"/>
      <c r="DN10" s="1026"/>
      <c r="DO10" s="1026"/>
      <c r="DP10" s="1027"/>
      <c r="DQ10" s="1025"/>
      <c r="DR10" s="1026"/>
      <c r="DS10" s="1026"/>
      <c r="DT10" s="1026"/>
      <c r="DU10" s="1027"/>
      <c r="DV10" s="1028"/>
      <c r="DW10" s="1029"/>
      <c r="DX10" s="1029"/>
      <c r="DY10" s="1029"/>
      <c r="DZ10" s="1030"/>
      <c r="EA10" s="234"/>
    </row>
    <row r="11" spans="1:131" s="235" customFormat="1" ht="26.25" customHeight="1" x14ac:dyDescent="0.2">
      <c r="A11" s="238">
        <v>5</v>
      </c>
      <c r="B11" s="1066"/>
      <c r="C11" s="1067"/>
      <c r="D11" s="1067"/>
      <c r="E11" s="1067"/>
      <c r="F11" s="1067"/>
      <c r="G11" s="1067"/>
      <c r="H11" s="1067"/>
      <c r="I11" s="1067"/>
      <c r="J11" s="1067"/>
      <c r="K11" s="1067"/>
      <c r="L11" s="1067"/>
      <c r="M11" s="1067"/>
      <c r="N11" s="1067"/>
      <c r="O11" s="1067"/>
      <c r="P11" s="1068"/>
      <c r="Q11" s="1074"/>
      <c r="R11" s="1075"/>
      <c r="S11" s="1075"/>
      <c r="T11" s="1075"/>
      <c r="U11" s="1075"/>
      <c r="V11" s="1075"/>
      <c r="W11" s="1075"/>
      <c r="X11" s="1075"/>
      <c r="Y11" s="1075"/>
      <c r="Z11" s="1075"/>
      <c r="AA11" s="1075"/>
      <c r="AB11" s="1075"/>
      <c r="AC11" s="1075"/>
      <c r="AD11" s="1075"/>
      <c r="AE11" s="1076"/>
      <c r="AF11" s="1071"/>
      <c r="AG11" s="1072"/>
      <c r="AH11" s="1072"/>
      <c r="AI11" s="1072"/>
      <c r="AJ11" s="1073"/>
      <c r="AK11" s="1116"/>
      <c r="AL11" s="1117"/>
      <c r="AM11" s="1117"/>
      <c r="AN11" s="1117"/>
      <c r="AO11" s="1117"/>
      <c r="AP11" s="1117"/>
      <c r="AQ11" s="1117"/>
      <c r="AR11" s="1117"/>
      <c r="AS11" s="1117"/>
      <c r="AT11" s="1117"/>
      <c r="AU11" s="1118"/>
      <c r="AV11" s="1118"/>
      <c r="AW11" s="1118"/>
      <c r="AX11" s="1118"/>
      <c r="AY11" s="1119"/>
      <c r="AZ11" s="232"/>
      <c r="BA11" s="232"/>
      <c r="BB11" s="232"/>
      <c r="BC11" s="232"/>
      <c r="BD11" s="232"/>
      <c r="BE11" s="233"/>
      <c r="BF11" s="233"/>
      <c r="BG11" s="233"/>
      <c r="BH11" s="233"/>
      <c r="BI11" s="233"/>
      <c r="BJ11" s="233"/>
      <c r="BK11" s="233"/>
      <c r="BL11" s="233"/>
      <c r="BM11" s="233"/>
      <c r="BN11" s="233"/>
      <c r="BO11" s="233"/>
      <c r="BP11" s="233"/>
      <c r="BQ11" s="238">
        <v>5</v>
      </c>
      <c r="BR11" s="239"/>
      <c r="BS11" s="1028"/>
      <c r="BT11" s="1029"/>
      <c r="BU11" s="1029"/>
      <c r="BV11" s="1029"/>
      <c r="BW11" s="1029"/>
      <c r="BX11" s="1029"/>
      <c r="BY11" s="1029"/>
      <c r="BZ11" s="1029"/>
      <c r="CA11" s="1029"/>
      <c r="CB11" s="1029"/>
      <c r="CC11" s="1029"/>
      <c r="CD11" s="1029"/>
      <c r="CE11" s="1029"/>
      <c r="CF11" s="1029"/>
      <c r="CG11" s="1050"/>
      <c r="CH11" s="1025"/>
      <c r="CI11" s="1026"/>
      <c r="CJ11" s="1026"/>
      <c r="CK11" s="1026"/>
      <c r="CL11" s="1027"/>
      <c r="CM11" s="1025"/>
      <c r="CN11" s="1026"/>
      <c r="CO11" s="1026"/>
      <c r="CP11" s="1026"/>
      <c r="CQ11" s="1027"/>
      <c r="CR11" s="1025"/>
      <c r="CS11" s="1026"/>
      <c r="CT11" s="1026"/>
      <c r="CU11" s="1026"/>
      <c r="CV11" s="1027"/>
      <c r="CW11" s="1025"/>
      <c r="CX11" s="1026"/>
      <c r="CY11" s="1026"/>
      <c r="CZ11" s="1026"/>
      <c r="DA11" s="1027"/>
      <c r="DB11" s="1025"/>
      <c r="DC11" s="1026"/>
      <c r="DD11" s="1026"/>
      <c r="DE11" s="1026"/>
      <c r="DF11" s="1027"/>
      <c r="DG11" s="1025"/>
      <c r="DH11" s="1026"/>
      <c r="DI11" s="1026"/>
      <c r="DJ11" s="1026"/>
      <c r="DK11" s="1027"/>
      <c r="DL11" s="1025"/>
      <c r="DM11" s="1026"/>
      <c r="DN11" s="1026"/>
      <c r="DO11" s="1026"/>
      <c r="DP11" s="1027"/>
      <c r="DQ11" s="1025"/>
      <c r="DR11" s="1026"/>
      <c r="DS11" s="1026"/>
      <c r="DT11" s="1026"/>
      <c r="DU11" s="1027"/>
      <c r="DV11" s="1028"/>
      <c r="DW11" s="1029"/>
      <c r="DX11" s="1029"/>
      <c r="DY11" s="1029"/>
      <c r="DZ11" s="1030"/>
      <c r="EA11" s="234"/>
    </row>
    <row r="12" spans="1:131" s="235" customFormat="1" ht="26.25" customHeight="1" x14ac:dyDescent="0.2">
      <c r="A12" s="238">
        <v>6</v>
      </c>
      <c r="B12" s="1066"/>
      <c r="C12" s="1067"/>
      <c r="D12" s="1067"/>
      <c r="E12" s="1067"/>
      <c r="F12" s="1067"/>
      <c r="G12" s="1067"/>
      <c r="H12" s="1067"/>
      <c r="I12" s="1067"/>
      <c r="J12" s="1067"/>
      <c r="K12" s="1067"/>
      <c r="L12" s="1067"/>
      <c r="M12" s="1067"/>
      <c r="N12" s="1067"/>
      <c r="O12" s="1067"/>
      <c r="P12" s="1068"/>
      <c r="Q12" s="1074"/>
      <c r="R12" s="1075"/>
      <c r="S12" s="1075"/>
      <c r="T12" s="1075"/>
      <c r="U12" s="1075"/>
      <c r="V12" s="1075"/>
      <c r="W12" s="1075"/>
      <c r="X12" s="1075"/>
      <c r="Y12" s="1075"/>
      <c r="Z12" s="1075"/>
      <c r="AA12" s="1075"/>
      <c r="AB12" s="1075"/>
      <c r="AC12" s="1075"/>
      <c r="AD12" s="1075"/>
      <c r="AE12" s="1076"/>
      <c r="AF12" s="1071"/>
      <c r="AG12" s="1072"/>
      <c r="AH12" s="1072"/>
      <c r="AI12" s="1072"/>
      <c r="AJ12" s="1073"/>
      <c r="AK12" s="1116"/>
      <c r="AL12" s="1117"/>
      <c r="AM12" s="1117"/>
      <c r="AN12" s="1117"/>
      <c r="AO12" s="1117"/>
      <c r="AP12" s="1117"/>
      <c r="AQ12" s="1117"/>
      <c r="AR12" s="1117"/>
      <c r="AS12" s="1117"/>
      <c r="AT12" s="1117"/>
      <c r="AU12" s="1118"/>
      <c r="AV12" s="1118"/>
      <c r="AW12" s="1118"/>
      <c r="AX12" s="1118"/>
      <c r="AY12" s="1119"/>
      <c r="AZ12" s="232"/>
      <c r="BA12" s="232"/>
      <c r="BB12" s="232"/>
      <c r="BC12" s="232"/>
      <c r="BD12" s="232"/>
      <c r="BE12" s="233"/>
      <c r="BF12" s="233"/>
      <c r="BG12" s="233"/>
      <c r="BH12" s="233"/>
      <c r="BI12" s="233"/>
      <c r="BJ12" s="233"/>
      <c r="BK12" s="233"/>
      <c r="BL12" s="233"/>
      <c r="BM12" s="233"/>
      <c r="BN12" s="233"/>
      <c r="BO12" s="233"/>
      <c r="BP12" s="233"/>
      <c r="BQ12" s="238">
        <v>6</v>
      </c>
      <c r="BR12" s="239"/>
      <c r="BS12" s="1028"/>
      <c r="BT12" s="1029"/>
      <c r="BU12" s="1029"/>
      <c r="BV12" s="1029"/>
      <c r="BW12" s="1029"/>
      <c r="BX12" s="1029"/>
      <c r="BY12" s="1029"/>
      <c r="BZ12" s="1029"/>
      <c r="CA12" s="1029"/>
      <c r="CB12" s="1029"/>
      <c r="CC12" s="1029"/>
      <c r="CD12" s="1029"/>
      <c r="CE12" s="1029"/>
      <c r="CF12" s="1029"/>
      <c r="CG12" s="1050"/>
      <c r="CH12" s="1025"/>
      <c r="CI12" s="1026"/>
      <c r="CJ12" s="1026"/>
      <c r="CK12" s="1026"/>
      <c r="CL12" s="1027"/>
      <c r="CM12" s="1025"/>
      <c r="CN12" s="1026"/>
      <c r="CO12" s="1026"/>
      <c r="CP12" s="1026"/>
      <c r="CQ12" s="1027"/>
      <c r="CR12" s="1025"/>
      <c r="CS12" s="1026"/>
      <c r="CT12" s="1026"/>
      <c r="CU12" s="1026"/>
      <c r="CV12" s="1027"/>
      <c r="CW12" s="1025"/>
      <c r="CX12" s="1026"/>
      <c r="CY12" s="1026"/>
      <c r="CZ12" s="1026"/>
      <c r="DA12" s="1027"/>
      <c r="DB12" s="1025"/>
      <c r="DC12" s="1026"/>
      <c r="DD12" s="1026"/>
      <c r="DE12" s="1026"/>
      <c r="DF12" s="1027"/>
      <c r="DG12" s="1025"/>
      <c r="DH12" s="1026"/>
      <c r="DI12" s="1026"/>
      <c r="DJ12" s="1026"/>
      <c r="DK12" s="1027"/>
      <c r="DL12" s="1025"/>
      <c r="DM12" s="1026"/>
      <c r="DN12" s="1026"/>
      <c r="DO12" s="1026"/>
      <c r="DP12" s="1027"/>
      <c r="DQ12" s="1025"/>
      <c r="DR12" s="1026"/>
      <c r="DS12" s="1026"/>
      <c r="DT12" s="1026"/>
      <c r="DU12" s="1027"/>
      <c r="DV12" s="1028"/>
      <c r="DW12" s="1029"/>
      <c r="DX12" s="1029"/>
      <c r="DY12" s="1029"/>
      <c r="DZ12" s="1030"/>
      <c r="EA12" s="234"/>
    </row>
    <row r="13" spans="1:131" s="235" customFormat="1" ht="26.25" customHeight="1" x14ac:dyDescent="0.2">
      <c r="A13" s="238">
        <v>7</v>
      </c>
      <c r="B13" s="1066"/>
      <c r="C13" s="1067"/>
      <c r="D13" s="1067"/>
      <c r="E13" s="1067"/>
      <c r="F13" s="1067"/>
      <c r="G13" s="1067"/>
      <c r="H13" s="1067"/>
      <c r="I13" s="1067"/>
      <c r="J13" s="1067"/>
      <c r="K13" s="1067"/>
      <c r="L13" s="1067"/>
      <c r="M13" s="1067"/>
      <c r="N13" s="1067"/>
      <c r="O13" s="1067"/>
      <c r="P13" s="1068"/>
      <c r="Q13" s="1074"/>
      <c r="R13" s="1075"/>
      <c r="S13" s="1075"/>
      <c r="T13" s="1075"/>
      <c r="U13" s="1075"/>
      <c r="V13" s="1075"/>
      <c r="W13" s="1075"/>
      <c r="X13" s="1075"/>
      <c r="Y13" s="1075"/>
      <c r="Z13" s="1075"/>
      <c r="AA13" s="1075"/>
      <c r="AB13" s="1075"/>
      <c r="AC13" s="1075"/>
      <c r="AD13" s="1075"/>
      <c r="AE13" s="1076"/>
      <c r="AF13" s="1071"/>
      <c r="AG13" s="1072"/>
      <c r="AH13" s="1072"/>
      <c r="AI13" s="1072"/>
      <c r="AJ13" s="1073"/>
      <c r="AK13" s="1116"/>
      <c r="AL13" s="1117"/>
      <c r="AM13" s="1117"/>
      <c r="AN13" s="1117"/>
      <c r="AO13" s="1117"/>
      <c r="AP13" s="1117"/>
      <c r="AQ13" s="1117"/>
      <c r="AR13" s="1117"/>
      <c r="AS13" s="1117"/>
      <c r="AT13" s="1117"/>
      <c r="AU13" s="1118"/>
      <c r="AV13" s="1118"/>
      <c r="AW13" s="1118"/>
      <c r="AX13" s="1118"/>
      <c r="AY13" s="1119"/>
      <c r="AZ13" s="232"/>
      <c r="BA13" s="232"/>
      <c r="BB13" s="232"/>
      <c r="BC13" s="232"/>
      <c r="BD13" s="232"/>
      <c r="BE13" s="233"/>
      <c r="BF13" s="233"/>
      <c r="BG13" s="233"/>
      <c r="BH13" s="233"/>
      <c r="BI13" s="233"/>
      <c r="BJ13" s="233"/>
      <c r="BK13" s="233"/>
      <c r="BL13" s="233"/>
      <c r="BM13" s="233"/>
      <c r="BN13" s="233"/>
      <c r="BO13" s="233"/>
      <c r="BP13" s="233"/>
      <c r="BQ13" s="238">
        <v>7</v>
      </c>
      <c r="BR13" s="239"/>
      <c r="BS13" s="1028"/>
      <c r="BT13" s="1029"/>
      <c r="BU13" s="1029"/>
      <c r="BV13" s="1029"/>
      <c r="BW13" s="1029"/>
      <c r="BX13" s="1029"/>
      <c r="BY13" s="1029"/>
      <c r="BZ13" s="1029"/>
      <c r="CA13" s="1029"/>
      <c r="CB13" s="1029"/>
      <c r="CC13" s="1029"/>
      <c r="CD13" s="1029"/>
      <c r="CE13" s="1029"/>
      <c r="CF13" s="1029"/>
      <c r="CG13" s="1050"/>
      <c r="CH13" s="1025"/>
      <c r="CI13" s="1026"/>
      <c r="CJ13" s="1026"/>
      <c r="CK13" s="1026"/>
      <c r="CL13" s="1027"/>
      <c r="CM13" s="1025"/>
      <c r="CN13" s="1026"/>
      <c r="CO13" s="1026"/>
      <c r="CP13" s="1026"/>
      <c r="CQ13" s="1027"/>
      <c r="CR13" s="1025"/>
      <c r="CS13" s="1026"/>
      <c r="CT13" s="1026"/>
      <c r="CU13" s="1026"/>
      <c r="CV13" s="1027"/>
      <c r="CW13" s="1025"/>
      <c r="CX13" s="1026"/>
      <c r="CY13" s="1026"/>
      <c r="CZ13" s="1026"/>
      <c r="DA13" s="1027"/>
      <c r="DB13" s="1025"/>
      <c r="DC13" s="1026"/>
      <c r="DD13" s="1026"/>
      <c r="DE13" s="1026"/>
      <c r="DF13" s="1027"/>
      <c r="DG13" s="1025"/>
      <c r="DH13" s="1026"/>
      <c r="DI13" s="1026"/>
      <c r="DJ13" s="1026"/>
      <c r="DK13" s="1027"/>
      <c r="DL13" s="1025"/>
      <c r="DM13" s="1026"/>
      <c r="DN13" s="1026"/>
      <c r="DO13" s="1026"/>
      <c r="DP13" s="1027"/>
      <c r="DQ13" s="1025"/>
      <c r="DR13" s="1026"/>
      <c r="DS13" s="1026"/>
      <c r="DT13" s="1026"/>
      <c r="DU13" s="1027"/>
      <c r="DV13" s="1028"/>
      <c r="DW13" s="1029"/>
      <c r="DX13" s="1029"/>
      <c r="DY13" s="1029"/>
      <c r="DZ13" s="1030"/>
      <c r="EA13" s="234"/>
    </row>
    <row r="14" spans="1:131" s="235" customFormat="1" ht="26.25" customHeight="1" x14ac:dyDescent="0.2">
      <c r="A14" s="238">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6"/>
      <c r="AL14" s="1117"/>
      <c r="AM14" s="1117"/>
      <c r="AN14" s="1117"/>
      <c r="AO14" s="1117"/>
      <c r="AP14" s="1117"/>
      <c r="AQ14" s="1117"/>
      <c r="AR14" s="1117"/>
      <c r="AS14" s="1117"/>
      <c r="AT14" s="1117"/>
      <c r="AU14" s="1118"/>
      <c r="AV14" s="1118"/>
      <c r="AW14" s="1118"/>
      <c r="AX14" s="1118"/>
      <c r="AY14" s="1119"/>
      <c r="AZ14" s="232"/>
      <c r="BA14" s="232"/>
      <c r="BB14" s="232"/>
      <c r="BC14" s="232"/>
      <c r="BD14" s="232"/>
      <c r="BE14" s="233"/>
      <c r="BF14" s="233"/>
      <c r="BG14" s="233"/>
      <c r="BH14" s="233"/>
      <c r="BI14" s="233"/>
      <c r="BJ14" s="233"/>
      <c r="BK14" s="233"/>
      <c r="BL14" s="233"/>
      <c r="BM14" s="233"/>
      <c r="BN14" s="233"/>
      <c r="BO14" s="233"/>
      <c r="BP14" s="233"/>
      <c r="BQ14" s="238">
        <v>8</v>
      </c>
      <c r="BR14" s="239"/>
      <c r="BS14" s="1028"/>
      <c r="BT14" s="1029"/>
      <c r="BU14" s="1029"/>
      <c r="BV14" s="1029"/>
      <c r="BW14" s="1029"/>
      <c r="BX14" s="1029"/>
      <c r="BY14" s="1029"/>
      <c r="BZ14" s="1029"/>
      <c r="CA14" s="1029"/>
      <c r="CB14" s="1029"/>
      <c r="CC14" s="1029"/>
      <c r="CD14" s="1029"/>
      <c r="CE14" s="1029"/>
      <c r="CF14" s="1029"/>
      <c r="CG14" s="1050"/>
      <c r="CH14" s="1025"/>
      <c r="CI14" s="1026"/>
      <c r="CJ14" s="1026"/>
      <c r="CK14" s="1026"/>
      <c r="CL14" s="1027"/>
      <c r="CM14" s="1025"/>
      <c r="CN14" s="1026"/>
      <c r="CO14" s="1026"/>
      <c r="CP14" s="1026"/>
      <c r="CQ14" s="1027"/>
      <c r="CR14" s="1025"/>
      <c r="CS14" s="1026"/>
      <c r="CT14" s="1026"/>
      <c r="CU14" s="1026"/>
      <c r="CV14" s="1027"/>
      <c r="CW14" s="1025"/>
      <c r="CX14" s="1026"/>
      <c r="CY14" s="1026"/>
      <c r="CZ14" s="1026"/>
      <c r="DA14" s="1027"/>
      <c r="DB14" s="1025"/>
      <c r="DC14" s="1026"/>
      <c r="DD14" s="1026"/>
      <c r="DE14" s="1026"/>
      <c r="DF14" s="1027"/>
      <c r="DG14" s="1025"/>
      <c r="DH14" s="1026"/>
      <c r="DI14" s="1026"/>
      <c r="DJ14" s="1026"/>
      <c r="DK14" s="1027"/>
      <c r="DL14" s="1025"/>
      <c r="DM14" s="1026"/>
      <c r="DN14" s="1026"/>
      <c r="DO14" s="1026"/>
      <c r="DP14" s="1027"/>
      <c r="DQ14" s="1025"/>
      <c r="DR14" s="1026"/>
      <c r="DS14" s="1026"/>
      <c r="DT14" s="1026"/>
      <c r="DU14" s="1027"/>
      <c r="DV14" s="1028"/>
      <c r="DW14" s="1029"/>
      <c r="DX14" s="1029"/>
      <c r="DY14" s="1029"/>
      <c r="DZ14" s="1030"/>
      <c r="EA14" s="234"/>
    </row>
    <row r="15" spans="1:131" s="235" customFormat="1" ht="26.25" customHeight="1" x14ac:dyDescent="0.2">
      <c r="A15" s="238">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6"/>
      <c r="AL15" s="1117"/>
      <c r="AM15" s="1117"/>
      <c r="AN15" s="1117"/>
      <c r="AO15" s="1117"/>
      <c r="AP15" s="1117"/>
      <c r="AQ15" s="1117"/>
      <c r="AR15" s="1117"/>
      <c r="AS15" s="1117"/>
      <c r="AT15" s="1117"/>
      <c r="AU15" s="1118"/>
      <c r="AV15" s="1118"/>
      <c r="AW15" s="1118"/>
      <c r="AX15" s="1118"/>
      <c r="AY15" s="1119"/>
      <c r="AZ15" s="232"/>
      <c r="BA15" s="232"/>
      <c r="BB15" s="232"/>
      <c r="BC15" s="232"/>
      <c r="BD15" s="232"/>
      <c r="BE15" s="233"/>
      <c r="BF15" s="233"/>
      <c r="BG15" s="233"/>
      <c r="BH15" s="233"/>
      <c r="BI15" s="233"/>
      <c r="BJ15" s="233"/>
      <c r="BK15" s="233"/>
      <c r="BL15" s="233"/>
      <c r="BM15" s="233"/>
      <c r="BN15" s="233"/>
      <c r="BO15" s="233"/>
      <c r="BP15" s="233"/>
      <c r="BQ15" s="238">
        <v>9</v>
      </c>
      <c r="BR15" s="239"/>
      <c r="BS15" s="1028"/>
      <c r="BT15" s="1029"/>
      <c r="BU15" s="1029"/>
      <c r="BV15" s="1029"/>
      <c r="BW15" s="1029"/>
      <c r="BX15" s="1029"/>
      <c r="BY15" s="1029"/>
      <c r="BZ15" s="1029"/>
      <c r="CA15" s="1029"/>
      <c r="CB15" s="1029"/>
      <c r="CC15" s="1029"/>
      <c r="CD15" s="1029"/>
      <c r="CE15" s="1029"/>
      <c r="CF15" s="1029"/>
      <c r="CG15" s="1050"/>
      <c r="CH15" s="1025"/>
      <c r="CI15" s="1026"/>
      <c r="CJ15" s="1026"/>
      <c r="CK15" s="1026"/>
      <c r="CL15" s="1027"/>
      <c r="CM15" s="1025"/>
      <c r="CN15" s="1026"/>
      <c r="CO15" s="1026"/>
      <c r="CP15" s="1026"/>
      <c r="CQ15" s="1027"/>
      <c r="CR15" s="1025"/>
      <c r="CS15" s="1026"/>
      <c r="CT15" s="1026"/>
      <c r="CU15" s="1026"/>
      <c r="CV15" s="1027"/>
      <c r="CW15" s="1025"/>
      <c r="CX15" s="1026"/>
      <c r="CY15" s="1026"/>
      <c r="CZ15" s="1026"/>
      <c r="DA15" s="1027"/>
      <c r="DB15" s="1025"/>
      <c r="DC15" s="1026"/>
      <c r="DD15" s="1026"/>
      <c r="DE15" s="1026"/>
      <c r="DF15" s="1027"/>
      <c r="DG15" s="1025"/>
      <c r="DH15" s="1026"/>
      <c r="DI15" s="1026"/>
      <c r="DJ15" s="1026"/>
      <c r="DK15" s="1027"/>
      <c r="DL15" s="1025"/>
      <c r="DM15" s="1026"/>
      <c r="DN15" s="1026"/>
      <c r="DO15" s="1026"/>
      <c r="DP15" s="1027"/>
      <c r="DQ15" s="1025"/>
      <c r="DR15" s="1026"/>
      <c r="DS15" s="1026"/>
      <c r="DT15" s="1026"/>
      <c r="DU15" s="1027"/>
      <c r="DV15" s="1028"/>
      <c r="DW15" s="1029"/>
      <c r="DX15" s="1029"/>
      <c r="DY15" s="1029"/>
      <c r="DZ15" s="1030"/>
      <c r="EA15" s="234"/>
    </row>
    <row r="16" spans="1:131" s="235" customFormat="1" ht="26.25" customHeight="1" x14ac:dyDescent="0.2">
      <c r="A16" s="238">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6"/>
      <c r="AL16" s="1117"/>
      <c r="AM16" s="1117"/>
      <c r="AN16" s="1117"/>
      <c r="AO16" s="1117"/>
      <c r="AP16" s="1117"/>
      <c r="AQ16" s="1117"/>
      <c r="AR16" s="1117"/>
      <c r="AS16" s="1117"/>
      <c r="AT16" s="1117"/>
      <c r="AU16" s="1118"/>
      <c r="AV16" s="1118"/>
      <c r="AW16" s="1118"/>
      <c r="AX16" s="1118"/>
      <c r="AY16" s="1119"/>
      <c r="AZ16" s="232"/>
      <c r="BA16" s="232"/>
      <c r="BB16" s="232"/>
      <c r="BC16" s="232"/>
      <c r="BD16" s="232"/>
      <c r="BE16" s="233"/>
      <c r="BF16" s="233"/>
      <c r="BG16" s="233"/>
      <c r="BH16" s="233"/>
      <c r="BI16" s="233"/>
      <c r="BJ16" s="233"/>
      <c r="BK16" s="233"/>
      <c r="BL16" s="233"/>
      <c r="BM16" s="233"/>
      <c r="BN16" s="233"/>
      <c r="BO16" s="233"/>
      <c r="BP16" s="233"/>
      <c r="BQ16" s="238">
        <v>10</v>
      </c>
      <c r="BR16" s="239"/>
      <c r="BS16" s="1028"/>
      <c r="BT16" s="1029"/>
      <c r="BU16" s="1029"/>
      <c r="BV16" s="1029"/>
      <c r="BW16" s="1029"/>
      <c r="BX16" s="1029"/>
      <c r="BY16" s="1029"/>
      <c r="BZ16" s="1029"/>
      <c r="CA16" s="1029"/>
      <c r="CB16" s="1029"/>
      <c r="CC16" s="1029"/>
      <c r="CD16" s="1029"/>
      <c r="CE16" s="1029"/>
      <c r="CF16" s="1029"/>
      <c r="CG16" s="1050"/>
      <c r="CH16" s="1025"/>
      <c r="CI16" s="1026"/>
      <c r="CJ16" s="1026"/>
      <c r="CK16" s="1026"/>
      <c r="CL16" s="1027"/>
      <c r="CM16" s="1025"/>
      <c r="CN16" s="1026"/>
      <c r="CO16" s="1026"/>
      <c r="CP16" s="1026"/>
      <c r="CQ16" s="1027"/>
      <c r="CR16" s="1025"/>
      <c r="CS16" s="1026"/>
      <c r="CT16" s="1026"/>
      <c r="CU16" s="1026"/>
      <c r="CV16" s="1027"/>
      <c r="CW16" s="1025"/>
      <c r="CX16" s="1026"/>
      <c r="CY16" s="1026"/>
      <c r="CZ16" s="1026"/>
      <c r="DA16" s="1027"/>
      <c r="DB16" s="1025"/>
      <c r="DC16" s="1026"/>
      <c r="DD16" s="1026"/>
      <c r="DE16" s="1026"/>
      <c r="DF16" s="1027"/>
      <c r="DG16" s="1025"/>
      <c r="DH16" s="1026"/>
      <c r="DI16" s="1026"/>
      <c r="DJ16" s="1026"/>
      <c r="DK16" s="1027"/>
      <c r="DL16" s="1025"/>
      <c r="DM16" s="1026"/>
      <c r="DN16" s="1026"/>
      <c r="DO16" s="1026"/>
      <c r="DP16" s="1027"/>
      <c r="DQ16" s="1025"/>
      <c r="DR16" s="1026"/>
      <c r="DS16" s="1026"/>
      <c r="DT16" s="1026"/>
      <c r="DU16" s="1027"/>
      <c r="DV16" s="1028"/>
      <c r="DW16" s="1029"/>
      <c r="DX16" s="1029"/>
      <c r="DY16" s="1029"/>
      <c r="DZ16" s="1030"/>
      <c r="EA16" s="234"/>
    </row>
    <row r="17" spans="1:131" s="235" customFormat="1" ht="26.25" customHeight="1" x14ac:dyDescent="0.2">
      <c r="A17" s="238">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6"/>
      <c r="AL17" s="1117"/>
      <c r="AM17" s="1117"/>
      <c r="AN17" s="1117"/>
      <c r="AO17" s="1117"/>
      <c r="AP17" s="1117"/>
      <c r="AQ17" s="1117"/>
      <c r="AR17" s="1117"/>
      <c r="AS17" s="1117"/>
      <c r="AT17" s="1117"/>
      <c r="AU17" s="1118"/>
      <c r="AV17" s="1118"/>
      <c r="AW17" s="1118"/>
      <c r="AX17" s="1118"/>
      <c r="AY17" s="1119"/>
      <c r="AZ17" s="232"/>
      <c r="BA17" s="232"/>
      <c r="BB17" s="232"/>
      <c r="BC17" s="232"/>
      <c r="BD17" s="232"/>
      <c r="BE17" s="233"/>
      <c r="BF17" s="233"/>
      <c r="BG17" s="233"/>
      <c r="BH17" s="233"/>
      <c r="BI17" s="233"/>
      <c r="BJ17" s="233"/>
      <c r="BK17" s="233"/>
      <c r="BL17" s="233"/>
      <c r="BM17" s="233"/>
      <c r="BN17" s="233"/>
      <c r="BO17" s="233"/>
      <c r="BP17" s="233"/>
      <c r="BQ17" s="238">
        <v>11</v>
      </c>
      <c r="BR17" s="239"/>
      <c r="BS17" s="1028"/>
      <c r="BT17" s="1029"/>
      <c r="BU17" s="1029"/>
      <c r="BV17" s="1029"/>
      <c r="BW17" s="1029"/>
      <c r="BX17" s="1029"/>
      <c r="BY17" s="1029"/>
      <c r="BZ17" s="1029"/>
      <c r="CA17" s="1029"/>
      <c r="CB17" s="1029"/>
      <c r="CC17" s="1029"/>
      <c r="CD17" s="1029"/>
      <c r="CE17" s="1029"/>
      <c r="CF17" s="1029"/>
      <c r="CG17" s="1050"/>
      <c r="CH17" s="1025"/>
      <c r="CI17" s="1026"/>
      <c r="CJ17" s="1026"/>
      <c r="CK17" s="1026"/>
      <c r="CL17" s="1027"/>
      <c r="CM17" s="1025"/>
      <c r="CN17" s="1026"/>
      <c r="CO17" s="1026"/>
      <c r="CP17" s="1026"/>
      <c r="CQ17" s="1027"/>
      <c r="CR17" s="1025"/>
      <c r="CS17" s="1026"/>
      <c r="CT17" s="1026"/>
      <c r="CU17" s="1026"/>
      <c r="CV17" s="1027"/>
      <c r="CW17" s="1025"/>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4"/>
    </row>
    <row r="18" spans="1:131" s="235" customFormat="1" ht="26.25" customHeight="1" x14ac:dyDescent="0.2">
      <c r="A18" s="238">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6"/>
      <c r="AL18" s="1117"/>
      <c r="AM18" s="1117"/>
      <c r="AN18" s="1117"/>
      <c r="AO18" s="1117"/>
      <c r="AP18" s="1117"/>
      <c r="AQ18" s="1117"/>
      <c r="AR18" s="1117"/>
      <c r="AS18" s="1117"/>
      <c r="AT18" s="1117"/>
      <c r="AU18" s="1118"/>
      <c r="AV18" s="1118"/>
      <c r="AW18" s="1118"/>
      <c r="AX18" s="1118"/>
      <c r="AY18" s="1119"/>
      <c r="AZ18" s="232"/>
      <c r="BA18" s="232"/>
      <c r="BB18" s="232"/>
      <c r="BC18" s="232"/>
      <c r="BD18" s="232"/>
      <c r="BE18" s="233"/>
      <c r="BF18" s="233"/>
      <c r="BG18" s="233"/>
      <c r="BH18" s="233"/>
      <c r="BI18" s="233"/>
      <c r="BJ18" s="233"/>
      <c r="BK18" s="233"/>
      <c r="BL18" s="233"/>
      <c r="BM18" s="233"/>
      <c r="BN18" s="233"/>
      <c r="BO18" s="233"/>
      <c r="BP18" s="233"/>
      <c r="BQ18" s="238">
        <v>12</v>
      </c>
      <c r="BR18" s="239"/>
      <c r="BS18" s="1028"/>
      <c r="BT18" s="1029"/>
      <c r="BU18" s="1029"/>
      <c r="BV18" s="1029"/>
      <c r="BW18" s="1029"/>
      <c r="BX18" s="1029"/>
      <c r="BY18" s="1029"/>
      <c r="BZ18" s="1029"/>
      <c r="CA18" s="1029"/>
      <c r="CB18" s="1029"/>
      <c r="CC18" s="1029"/>
      <c r="CD18" s="1029"/>
      <c r="CE18" s="1029"/>
      <c r="CF18" s="1029"/>
      <c r="CG18" s="1050"/>
      <c r="CH18" s="1025"/>
      <c r="CI18" s="1026"/>
      <c r="CJ18" s="1026"/>
      <c r="CK18" s="1026"/>
      <c r="CL18" s="1027"/>
      <c r="CM18" s="1025"/>
      <c r="CN18" s="1026"/>
      <c r="CO18" s="1026"/>
      <c r="CP18" s="1026"/>
      <c r="CQ18" s="1027"/>
      <c r="CR18" s="1025"/>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4"/>
    </row>
    <row r="19" spans="1:131" s="235" customFormat="1" ht="26.25" customHeight="1" x14ac:dyDescent="0.2">
      <c r="A19" s="238">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6"/>
      <c r="AL19" s="1117"/>
      <c r="AM19" s="1117"/>
      <c r="AN19" s="1117"/>
      <c r="AO19" s="1117"/>
      <c r="AP19" s="1117"/>
      <c r="AQ19" s="1117"/>
      <c r="AR19" s="1117"/>
      <c r="AS19" s="1117"/>
      <c r="AT19" s="1117"/>
      <c r="AU19" s="1118"/>
      <c r="AV19" s="1118"/>
      <c r="AW19" s="1118"/>
      <c r="AX19" s="1118"/>
      <c r="AY19" s="1119"/>
      <c r="AZ19" s="232"/>
      <c r="BA19" s="232"/>
      <c r="BB19" s="232"/>
      <c r="BC19" s="232"/>
      <c r="BD19" s="232"/>
      <c r="BE19" s="233"/>
      <c r="BF19" s="233"/>
      <c r="BG19" s="233"/>
      <c r="BH19" s="233"/>
      <c r="BI19" s="233"/>
      <c r="BJ19" s="233"/>
      <c r="BK19" s="233"/>
      <c r="BL19" s="233"/>
      <c r="BM19" s="233"/>
      <c r="BN19" s="233"/>
      <c r="BO19" s="233"/>
      <c r="BP19" s="233"/>
      <c r="BQ19" s="238">
        <v>13</v>
      </c>
      <c r="BR19" s="239"/>
      <c r="BS19" s="1028"/>
      <c r="BT19" s="1029"/>
      <c r="BU19" s="1029"/>
      <c r="BV19" s="1029"/>
      <c r="BW19" s="1029"/>
      <c r="BX19" s="1029"/>
      <c r="BY19" s="1029"/>
      <c r="BZ19" s="1029"/>
      <c r="CA19" s="1029"/>
      <c r="CB19" s="1029"/>
      <c r="CC19" s="1029"/>
      <c r="CD19" s="1029"/>
      <c r="CE19" s="1029"/>
      <c r="CF19" s="1029"/>
      <c r="CG19" s="1050"/>
      <c r="CH19" s="1025"/>
      <c r="CI19" s="1026"/>
      <c r="CJ19" s="1026"/>
      <c r="CK19" s="1026"/>
      <c r="CL19" s="1027"/>
      <c r="CM19" s="1025"/>
      <c r="CN19" s="1026"/>
      <c r="CO19" s="1026"/>
      <c r="CP19" s="1026"/>
      <c r="CQ19" s="1027"/>
      <c r="CR19" s="1025"/>
      <c r="CS19" s="1026"/>
      <c r="CT19" s="1026"/>
      <c r="CU19" s="1026"/>
      <c r="CV19" s="1027"/>
      <c r="CW19" s="1025"/>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4"/>
    </row>
    <row r="20" spans="1:131" s="235" customFormat="1" ht="26.25" customHeight="1" x14ac:dyDescent="0.2">
      <c r="A20" s="238">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6"/>
      <c r="AL20" s="1117"/>
      <c r="AM20" s="1117"/>
      <c r="AN20" s="1117"/>
      <c r="AO20" s="1117"/>
      <c r="AP20" s="1117"/>
      <c r="AQ20" s="1117"/>
      <c r="AR20" s="1117"/>
      <c r="AS20" s="1117"/>
      <c r="AT20" s="1117"/>
      <c r="AU20" s="1118"/>
      <c r="AV20" s="1118"/>
      <c r="AW20" s="1118"/>
      <c r="AX20" s="1118"/>
      <c r="AY20" s="1119"/>
      <c r="AZ20" s="232"/>
      <c r="BA20" s="232"/>
      <c r="BB20" s="232"/>
      <c r="BC20" s="232"/>
      <c r="BD20" s="232"/>
      <c r="BE20" s="233"/>
      <c r="BF20" s="233"/>
      <c r="BG20" s="233"/>
      <c r="BH20" s="233"/>
      <c r="BI20" s="233"/>
      <c r="BJ20" s="233"/>
      <c r="BK20" s="233"/>
      <c r="BL20" s="233"/>
      <c r="BM20" s="233"/>
      <c r="BN20" s="233"/>
      <c r="BO20" s="233"/>
      <c r="BP20" s="233"/>
      <c r="BQ20" s="238">
        <v>14</v>
      </c>
      <c r="BR20" s="239"/>
      <c r="BS20" s="1028"/>
      <c r="BT20" s="1029"/>
      <c r="BU20" s="1029"/>
      <c r="BV20" s="1029"/>
      <c r="BW20" s="1029"/>
      <c r="BX20" s="1029"/>
      <c r="BY20" s="1029"/>
      <c r="BZ20" s="1029"/>
      <c r="CA20" s="1029"/>
      <c r="CB20" s="1029"/>
      <c r="CC20" s="1029"/>
      <c r="CD20" s="1029"/>
      <c r="CE20" s="1029"/>
      <c r="CF20" s="1029"/>
      <c r="CG20" s="1050"/>
      <c r="CH20" s="1025"/>
      <c r="CI20" s="1026"/>
      <c r="CJ20" s="1026"/>
      <c r="CK20" s="1026"/>
      <c r="CL20" s="1027"/>
      <c r="CM20" s="1025"/>
      <c r="CN20" s="1026"/>
      <c r="CO20" s="1026"/>
      <c r="CP20" s="1026"/>
      <c r="CQ20" s="1027"/>
      <c r="CR20" s="1025"/>
      <c r="CS20" s="1026"/>
      <c r="CT20" s="1026"/>
      <c r="CU20" s="1026"/>
      <c r="CV20" s="1027"/>
      <c r="CW20" s="1025"/>
      <c r="CX20" s="1026"/>
      <c r="CY20" s="1026"/>
      <c r="CZ20" s="1026"/>
      <c r="DA20" s="1027"/>
      <c r="DB20" s="1025"/>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4"/>
    </row>
    <row r="21" spans="1:131" s="235" customFormat="1" ht="26.25" customHeight="1" thickBot="1" x14ac:dyDescent="0.25">
      <c r="A21" s="238">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6"/>
      <c r="AL21" s="1117"/>
      <c r="AM21" s="1117"/>
      <c r="AN21" s="1117"/>
      <c r="AO21" s="1117"/>
      <c r="AP21" s="1117"/>
      <c r="AQ21" s="1117"/>
      <c r="AR21" s="1117"/>
      <c r="AS21" s="1117"/>
      <c r="AT21" s="1117"/>
      <c r="AU21" s="1118"/>
      <c r="AV21" s="1118"/>
      <c r="AW21" s="1118"/>
      <c r="AX21" s="1118"/>
      <c r="AY21" s="1119"/>
      <c r="AZ21" s="232"/>
      <c r="BA21" s="232"/>
      <c r="BB21" s="232"/>
      <c r="BC21" s="232"/>
      <c r="BD21" s="232"/>
      <c r="BE21" s="233"/>
      <c r="BF21" s="233"/>
      <c r="BG21" s="233"/>
      <c r="BH21" s="233"/>
      <c r="BI21" s="233"/>
      <c r="BJ21" s="233"/>
      <c r="BK21" s="233"/>
      <c r="BL21" s="233"/>
      <c r="BM21" s="233"/>
      <c r="BN21" s="233"/>
      <c r="BO21" s="233"/>
      <c r="BP21" s="233"/>
      <c r="BQ21" s="238">
        <v>15</v>
      </c>
      <c r="BR21" s="239"/>
      <c r="BS21" s="1028"/>
      <c r="BT21" s="1029"/>
      <c r="BU21" s="1029"/>
      <c r="BV21" s="1029"/>
      <c r="BW21" s="1029"/>
      <c r="BX21" s="1029"/>
      <c r="BY21" s="1029"/>
      <c r="BZ21" s="1029"/>
      <c r="CA21" s="1029"/>
      <c r="CB21" s="1029"/>
      <c r="CC21" s="1029"/>
      <c r="CD21" s="1029"/>
      <c r="CE21" s="1029"/>
      <c r="CF21" s="1029"/>
      <c r="CG21" s="1050"/>
      <c r="CH21" s="1025"/>
      <c r="CI21" s="1026"/>
      <c r="CJ21" s="1026"/>
      <c r="CK21" s="1026"/>
      <c r="CL21" s="1027"/>
      <c r="CM21" s="1025"/>
      <c r="CN21" s="1026"/>
      <c r="CO21" s="1026"/>
      <c r="CP21" s="1026"/>
      <c r="CQ21" s="1027"/>
      <c r="CR21" s="1025"/>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4"/>
    </row>
    <row r="22" spans="1:131" s="235" customFormat="1" ht="26.25" customHeight="1" x14ac:dyDescent="0.2">
      <c r="A22" s="238">
        <v>16</v>
      </c>
      <c r="B22" s="1066"/>
      <c r="C22" s="1067"/>
      <c r="D22" s="1067"/>
      <c r="E22" s="1067"/>
      <c r="F22" s="1067"/>
      <c r="G22" s="1067"/>
      <c r="H22" s="1067"/>
      <c r="I22" s="1067"/>
      <c r="J22" s="1067"/>
      <c r="K22" s="1067"/>
      <c r="L22" s="1067"/>
      <c r="M22" s="1067"/>
      <c r="N22" s="1067"/>
      <c r="O22" s="1067"/>
      <c r="P22" s="1068"/>
      <c r="Q22" s="1109"/>
      <c r="R22" s="1110"/>
      <c r="S22" s="1110"/>
      <c r="T22" s="1110"/>
      <c r="U22" s="1110"/>
      <c r="V22" s="1110"/>
      <c r="W22" s="1110"/>
      <c r="X22" s="1110"/>
      <c r="Y22" s="1110"/>
      <c r="Z22" s="1110"/>
      <c r="AA22" s="1110"/>
      <c r="AB22" s="1110"/>
      <c r="AC22" s="1110"/>
      <c r="AD22" s="1110"/>
      <c r="AE22" s="1111"/>
      <c r="AF22" s="1071"/>
      <c r="AG22" s="1072"/>
      <c r="AH22" s="1072"/>
      <c r="AI22" s="1072"/>
      <c r="AJ22" s="1073"/>
      <c r="AK22" s="1112"/>
      <c r="AL22" s="1113"/>
      <c r="AM22" s="1113"/>
      <c r="AN22" s="1113"/>
      <c r="AO22" s="1113"/>
      <c r="AP22" s="1113"/>
      <c r="AQ22" s="1113"/>
      <c r="AR22" s="1113"/>
      <c r="AS22" s="1113"/>
      <c r="AT22" s="1113"/>
      <c r="AU22" s="1114"/>
      <c r="AV22" s="1114"/>
      <c r="AW22" s="1114"/>
      <c r="AX22" s="1114"/>
      <c r="AY22" s="1115"/>
      <c r="AZ22" s="1064" t="s">
        <v>391</v>
      </c>
      <c r="BA22" s="1064"/>
      <c r="BB22" s="1064"/>
      <c r="BC22" s="1064"/>
      <c r="BD22" s="1065"/>
      <c r="BE22" s="233"/>
      <c r="BF22" s="233"/>
      <c r="BG22" s="233"/>
      <c r="BH22" s="233"/>
      <c r="BI22" s="233"/>
      <c r="BJ22" s="233"/>
      <c r="BK22" s="233"/>
      <c r="BL22" s="233"/>
      <c r="BM22" s="233"/>
      <c r="BN22" s="233"/>
      <c r="BO22" s="233"/>
      <c r="BP22" s="233"/>
      <c r="BQ22" s="238">
        <v>16</v>
      </c>
      <c r="BR22" s="239"/>
      <c r="BS22" s="1028"/>
      <c r="BT22" s="1029"/>
      <c r="BU22" s="1029"/>
      <c r="BV22" s="1029"/>
      <c r="BW22" s="1029"/>
      <c r="BX22" s="1029"/>
      <c r="BY22" s="1029"/>
      <c r="BZ22" s="1029"/>
      <c r="CA22" s="1029"/>
      <c r="CB22" s="1029"/>
      <c r="CC22" s="1029"/>
      <c r="CD22" s="1029"/>
      <c r="CE22" s="1029"/>
      <c r="CF22" s="1029"/>
      <c r="CG22" s="1050"/>
      <c r="CH22" s="1025"/>
      <c r="CI22" s="1026"/>
      <c r="CJ22" s="1026"/>
      <c r="CK22" s="1026"/>
      <c r="CL22" s="1027"/>
      <c r="CM22" s="1025"/>
      <c r="CN22" s="1026"/>
      <c r="CO22" s="1026"/>
      <c r="CP22" s="1026"/>
      <c r="CQ22" s="1027"/>
      <c r="CR22" s="1025"/>
      <c r="CS22" s="1026"/>
      <c r="CT22" s="1026"/>
      <c r="CU22" s="1026"/>
      <c r="CV22" s="1027"/>
      <c r="CW22" s="1025"/>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4"/>
    </row>
    <row r="23" spans="1:131" s="235" customFormat="1" ht="26.25" customHeight="1" thickBot="1" x14ac:dyDescent="0.25">
      <c r="A23" s="240" t="s">
        <v>392</v>
      </c>
      <c r="B23" s="973" t="s">
        <v>393</v>
      </c>
      <c r="C23" s="974"/>
      <c r="D23" s="974"/>
      <c r="E23" s="974"/>
      <c r="F23" s="974"/>
      <c r="G23" s="974"/>
      <c r="H23" s="974"/>
      <c r="I23" s="974"/>
      <c r="J23" s="974"/>
      <c r="K23" s="974"/>
      <c r="L23" s="974"/>
      <c r="M23" s="974"/>
      <c r="N23" s="974"/>
      <c r="O23" s="974"/>
      <c r="P23" s="984"/>
      <c r="Q23" s="1103">
        <v>20942</v>
      </c>
      <c r="R23" s="1097"/>
      <c r="S23" s="1097"/>
      <c r="T23" s="1097"/>
      <c r="U23" s="1097"/>
      <c r="V23" s="1097">
        <v>18892</v>
      </c>
      <c r="W23" s="1097"/>
      <c r="X23" s="1097"/>
      <c r="Y23" s="1097"/>
      <c r="Z23" s="1097"/>
      <c r="AA23" s="1097">
        <v>2050</v>
      </c>
      <c r="AB23" s="1097"/>
      <c r="AC23" s="1097"/>
      <c r="AD23" s="1097"/>
      <c r="AE23" s="1104"/>
      <c r="AF23" s="1105">
        <v>1947</v>
      </c>
      <c r="AG23" s="1097"/>
      <c r="AH23" s="1097"/>
      <c r="AI23" s="1097"/>
      <c r="AJ23" s="1106"/>
      <c r="AK23" s="1107"/>
      <c r="AL23" s="1108"/>
      <c r="AM23" s="1108"/>
      <c r="AN23" s="1108"/>
      <c r="AO23" s="1108"/>
      <c r="AP23" s="1097">
        <v>6859</v>
      </c>
      <c r="AQ23" s="1097"/>
      <c r="AR23" s="1097"/>
      <c r="AS23" s="1097"/>
      <c r="AT23" s="1097"/>
      <c r="AU23" s="1098"/>
      <c r="AV23" s="1098"/>
      <c r="AW23" s="1098"/>
      <c r="AX23" s="1098"/>
      <c r="AY23" s="1099"/>
      <c r="AZ23" s="1100" t="s">
        <v>394</v>
      </c>
      <c r="BA23" s="1101"/>
      <c r="BB23" s="1101"/>
      <c r="BC23" s="1101"/>
      <c r="BD23" s="1102"/>
      <c r="BE23" s="233"/>
      <c r="BF23" s="233"/>
      <c r="BG23" s="233"/>
      <c r="BH23" s="233"/>
      <c r="BI23" s="233"/>
      <c r="BJ23" s="233"/>
      <c r="BK23" s="233"/>
      <c r="BL23" s="233"/>
      <c r="BM23" s="233"/>
      <c r="BN23" s="233"/>
      <c r="BO23" s="233"/>
      <c r="BP23" s="233"/>
      <c r="BQ23" s="238">
        <v>17</v>
      </c>
      <c r="BR23" s="239"/>
      <c r="BS23" s="1028"/>
      <c r="BT23" s="1029"/>
      <c r="BU23" s="1029"/>
      <c r="BV23" s="1029"/>
      <c r="BW23" s="1029"/>
      <c r="BX23" s="1029"/>
      <c r="BY23" s="1029"/>
      <c r="BZ23" s="1029"/>
      <c r="CA23" s="1029"/>
      <c r="CB23" s="1029"/>
      <c r="CC23" s="1029"/>
      <c r="CD23" s="1029"/>
      <c r="CE23" s="1029"/>
      <c r="CF23" s="1029"/>
      <c r="CG23" s="1050"/>
      <c r="CH23" s="1025"/>
      <c r="CI23" s="1026"/>
      <c r="CJ23" s="1026"/>
      <c r="CK23" s="1026"/>
      <c r="CL23" s="1027"/>
      <c r="CM23" s="1025"/>
      <c r="CN23" s="1026"/>
      <c r="CO23" s="1026"/>
      <c r="CP23" s="1026"/>
      <c r="CQ23" s="1027"/>
      <c r="CR23" s="1025"/>
      <c r="CS23" s="1026"/>
      <c r="CT23" s="1026"/>
      <c r="CU23" s="1026"/>
      <c r="CV23" s="1027"/>
      <c r="CW23" s="1025"/>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4"/>
    </row>
    <row r="24" spans="1:131" s="235" customFormat="1" ht="26.25" customHeight="1" x14ac:dyDescent="0.2">
      <c r="A24" s="1096" t="s">
        <v>395</v>
      </c>
      <c r="B24" s="1096"/>
      <c r="C24" s="1096"/>
      <c r="D24" s="1096"/>
      <c r="E24" s="1096"/>
      <c r="F24" s="1096"/>
      <c r="G24" s="1096"/>
      <c r="H24" s="1096"/>
      <c r="I24" s="1096"/>
      <c r="J24" s="1096"/>
      <c r="K24" s="1096"/>
      <c r="L24" s="1096"/>
      <c r="M24" s="1096"/>
      <c r="N24" s="1096"/>
      <c r="O24" s="1096"/>
      <c r="P24" s="1096"/>
      <c r="Q24" s="1096"/>
      <c r="R24" s="1096"/>
      <c r="S24" s="1096"/>
      <c r="T24" s="1096"/>
      <c r="U24" s="1096"/>
      <c r="V24" s="1096"/>
      <c r="W24" s="1096"/>
      <c r="X24" s="1096"/>
      <c r="Y24" s="1096"/>
      <c r="Z24" s="1096"/>
      <c r="AA24" s="1096"/>
      <c r="AB24" s="1096"/>
      <c r="AC24" s="1096"/>
      <c r="AD24" s="1096"/>
      <c r="AE24" s="1096"/>
      <c r="AF24" s="1096"/>
      <c r="AG24" s="1096"/>
      <c r="AH24" s="1096"/>
      <c r="AI24" s="1096"/>
      <c r="AJ24" s="1096"/>
      <c r="AK24" s="1096"/>
      <c r="AL24" s="1096"/>
      <c r="AM24" s="1096"/>
      <c r="AN24" s="1096"/>
      <c r="AO24" s="1096"/>
      <c r="AP24" s="1096"/>
      <c r="AQ24" s="1096"/>
      <c r="AR24" s="1096"/>
      <c r="AS24" s="1096"/>
      <c r="AT24" s="1096"/>
      <c r="AU24" s="1096"/>
      <c r="AV24" s="1096"/>
      <c r="AW24" s="1096"/>
      <c r="AX24" s="1096"/>
      <c r="AY24" s="1096"/>
      <c r="AZ24" s="232"/>
      <c r="BA24" s="232"/>
      <c r="BB24" s="232"/>
      <c r="BC24" s="232"/>
      <c r="BD24" s="232"/>
      <c r="BE24" s="233"/>
      <c r="BF24" s="233"/>
      <c r="BG24" s="233"/>
      <c r="BH24" s="233"/>
      <c r="BI24" s="233"/>
      <c r="BJ24" s="233"/>
      <c r="BK24" s="233"/>
      <c r="BL24" s="233"/>
      <c r="BM24" s="233"/>
      <c r="BN24" s="233"/>
      <c r="BO24" s="233"/>
      <c r="BP24" s="233"/>
      <c r="BQ24" s="238">
        <v>18</v>
      </c>
      <c r="BR24" s="239"/>
      <c r="BS24" s="1028"/>
      <c r="BT24" s="1029"/>
      <c r="BU24" s="1029"/>
      <c r="BV24" s="1029"/>
      <c r="BW24" s="1029"/>
      <c r="BX24" s="1029"/>
      <c r="BY24" s="1029"/>
      <c r="BZ24" s="1029"/>
      <c r="CA24" s="1029"/>
      <c r="CB24" s="1029"/>
      <c r="CC24" s="1029"/>
      <c r="CD24" s="1029"/>
      <c r="CE24" s="1029"/>
      <c r="CF24" s="1029"/>
      <c r="CG24" s="1050"/>
      <c r="CH24" s="1025"/>
      <c r="CI24" s="1026"/>
      <c r="CJ24" s="1026"/>
      <c r="CK24" s="1026"/>
      <c r="CL24" s="1027"/>
      <c r="CM24" s="1025"/>
      <c r="CN24" s="1026"/>
      <c r="CO24" s="1026"/>
      <c r="CP24" s="1026"/>
      <c r="CQ24" s="1027"/>
      <c r="CR24" s="1025"/>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4"/>
    </row>
    <row r="25" spans="1:131" ht="26.25" customHeight="1" thickBot="1" x14ac:dyDescent="0.25">
      <c r="A25" s="1095" t="s">
        <v>396</v>
      </c>
      <c r="B25" s="1095"/>
      <c r="C25" s="1095"/>
      <c r="D25" s="1095"/>
      <c r="E25" s="1095"/>
      <c r="F25" s="1095"/>
      <c r="G25" s="1095"/>
      <c r="H25" s="1095"/>
      <c r="I25" s="1095"/>
      <c r="J25" s="1095"/>
      <c r="K25" s="1095"/>
      <c r="L25" s="1095"/>
      <c r="M25" s="1095"/>
      <c r="N25" s="1095"/>
      <c r="O25" s="1095"/>
      <c r="P25" s="1095"/>
      <c r="Q25" s="1095"/>
      <c r="R25" s="1095"/>
      <c r="S25" s="1095"/>
      <c r="T25" s="1095"/>
      <c r="U25" s="1095"/>
      <c r="V25" s="1095"/>
      <c r="W25" s="1095"/>
      <c r="X25" s="1095"/>
      <c r="Y25" s="1095"/>
      <c r="Z25" s="1095"/>
      <c r="AA25" s="1095"/>
      <c r="AB25" s="1095"/>
      <c r="AC25" s="1095"/>
      <c r="AD25" s="1095"/>
      <c r="AE25" s="1095"/>
      <c r="AF25" s="1095"/>
      <c r="AG25" s="1095"/>
      <c r="AH25" s="1095"/>
      <c r="AI25" s="1095"/>
      <c r="AJ25" s="1095"/>
      <c r="AK25" s="1095"/>
      <c r="AL25" s="1095"/>
      <c r="AM25" s="1095"/>
      <c r="AN25" s="1095"/>
      <c r="AO25" s="1095"/>
      <c r="AP25" s="1095"/>
      <c r="AQ25" s="1095"/>
      <c r="AR25" s="1095"/>
      <c r="AS25" s="1095"/>
      <c r="AT25" s="1095"/>
      <c r="AU25" s="1095"/>
      <c r="AV25" s="1095"/>
      <c r="AW25" s="1095"/>
      <c r="AX25" s="1095"/>
      <c r="AY25" s="1095"/>
      <c r="AZ25" s="1095"/>
      <c r="BA25" s="1095"/>
      <c r="BB25" s="1095"/>
      <c r="BC25" s="1095"/>
      <c r="BD25" s="1095"/>
      <c r="BE25" s="1095"/>
      <c r="BF25" s="1095"/>
      <c r="BG25" s="1095"/>
      <c r="BH25" s="1095"/>
      <c r="BI25" s="1095"/>
      <c r="BJ25" s="232"/>
      <c r="BK25" s="232"/>
      <c r="BL25" s="232"/>
      <c r="BM25" s="232"/>
      <c r="BN25" s="232"/>
      <c r="BO25" s="241"/>
      <c r="BP25" s="241"/>
      <c r="BQ25" s="238">
        <v>19</v>
      </c>
      <c r="BR25" s="239"/>
      <c r="BS25" s="1028"/>
      <c r="BT25" s="1029"/>
      <c r="BU25" s="1029"/>
      <c r="BV25" s="1029"/>
      <c r="BW25" s="1029"/>
      <c r="BX25" s="1029"/>
      <c r="BY25" s="1029"/>
      <c r="BZ25" s="1029"/>
      <c r="CA25" s="1029"/>
      <c r="CB25" s="1029"/>
      <c r="CC25" s="1029"/>
      <c r="CD25" s="1029"/>
      <c r="CE25" s="1029"/>
      <c r="CF25" s="1029"/>
      <c r="CG25" s="1050"/>
      <c r="CH25" s="1025"/>
      <c r="CI25" s="1026"/>
      <c r="CJ25" s="1026"/>
      <c r="CK25" s="1026"/>
      <c r="CL25" s="1027"/>
      <c r="CM25" s="1025"/>
      <c r="CN25" s="1026"/>
      <c r="CO25" s="1026"/>
      <c r="CP25" s="1026"/>
      <c r="CQ25" s="1027"/>
      <c r="CR25" s="1025"/>
      <c r="CS25" s="1026"/>
      <c r="CT25" s="1026"/>
      <c r="CU25" s="1026"/>
      <c r="CV25" s="1027"/>
      <c r="CW25" s="1025"/>
      <c r="CX25" s="1026"/>
      <c r="CY25" s="1026"/>
      <c r="CZ25" s="1026"/>
      <c r="DA25" s="1027"/>
      <c r="DB25" s="1025"/>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30"/>
    </row>
    <row r="26" spans="1:131" ht="26.25" customHeight="1" x14ac:dyDescent="0.2">
      <c r="A26" s="1031" t="s">
        <v>373</v>
      </c>
      <c r="B26" s="1032"/>
      <c r="C26" s="1032"/>
      <c r="D26" s="1032"/>
      <c r="E26" s="1032"/>
      <c r="F26" s="1032"/>
      <c r="G26" s="1032"/>
      <c r="H26" s="1032"/>
      <c r="I26" s="1032"/>
      <c r="J26" s="1032"/>
      <c r="K26" s="1032"/>
      <c r="L26" s="1032"/>
      <c r="M26" s="1032"/>
      <c r="N26" s="1032"/>
      <c r="O26" s="1032"/>
      <c r="P26" s="1033"/>
      <c r="Q26" s="1037" t="s">
        <v>397</v>
      </c>
      <c r="R26" s="1038"/>
      <c r="S26" s="1038"/>
      <c r="T26" s="1038"/>
      <c r="U26" s="1039"/>
      <c r="V26" s="1037" t="s">
        <v>398</v>
      </c>
      <c r="W26" s="1038"/>
      <c r="X26" s="1038"/>
      <c r="Y26" s="1038"/>
      <c r="Z26" s="1039"/>
      <c r="AA26" s="1037" t="s">
        <v>399</v>
      </c>
      <c r="AB26" s="1038"/>
      <c r="AC26" s="1038"/>
      <c r="AD26" s="1038"/>
      <c r="AE26" s="1038"/>
      <c r="AF26" s="1091" t="s">
        <v>400</v>
      </c>
      <c r="AG26" s="1044"/>
      <c r="AH26" s="1044"/>
      <c r="AI26" s="1044"/>
      <c r="AJ26" s="1092"/>
      <c r="AK26" s="1038" t="s">
        <v>401</v>
      </c>
      <c r="AL26" s="1038"/>
      <c r="AM26" s="1038"/>
      <c r="AN26" s="1038"/>
      <c r="AO26" s="1039"/>
      <c r="AP26" s="1037" t="s">
        <v>402</v>
      </c>
      <c r="AQ26" s="1038"/>
      <c r="AR26" s="1038"/>
      <c r="AS26" s="1038"/>
      <c r="AT26" s="1039"/>
      <c r="AU26" s="1037" t="s">
        <v>403</v>
      </c>
      <c r="AV26" s="1038"/>
      <c r="AW26" s="1038"/>
      <c r="AX26" s="1038"/>
      <c r="AY26" s="1039"/>
      <c r="AZ26" s="1037" t="s">
        <v>404</v>
      </c>
      <c r="BA26" s="1038"/>
      <c r="BB26" s="1038"/>
      <c r="BC26" s="1038"/>
      <c r="BD26" s="1039"/>
      <c r="BE26" s="1037" t="s">
        <v>380</v>
      </c>
      <c r="BF26" s="1038"/>
      <c r="BG26" s="1038"/>
      <c r="BH26" s="1038"/>
      <c r="BI26" s="1051"/>
      <c r="BJ26" s="232"/>
      <c r="BK26" s="232"/>
      <c r="BL26" s="232"/>
      <c r="BM26" s="232"/>
      <c r="BN26" s="232"/>
      <c r="BO26" s="241"/>
      <c r="BP26" s="241"/>
      <c r="BQ26" s="238">
        <v>20</v>
      </c>
      <c r="BR26" s="239"/>
      <c r="BS26" s="1028"/>
      <c r="BT26" s="1029"/>
      <c r="BU26" s="1029"/>
      <c r="BV26" s="1029"/>
      <c r="BW26" s="1029"/>
      <c r="BX26" s="1029"/>
      <c r="BY26" s="1029"/>
      <c r="BZ26" s="1029"/>
      <c r="CA26" s="1029"/>
      <c r="CB26" s="1029"/>
      <c r="CC26" s="1029"/>
      <c r="CD26" s="1029"/>
      <c r="CE26" s="1029"/>
      <c r="CF26" s="1029"/>
      <c r="CG26" s="1050"/>
      <c r="CH26" s="1025"/>
      <c r="CI26" s="1026"/>
      <c r="CJ26" s="1026"/>
      <c r="CK26" s="1026"/>
      <c r="CL26" s="1027"/>
      <c r="CM26" s="1025"/>
      <c r="CN26" s="1026"/>
      <c r="CO26" s="1026"/>
      <c r="CP26" s="1026"/>
      <c r="CQ26" s="1027"/>
      <c r="CR26" s="1025"/>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30"/>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3"/>
      <c r="AG27" s="1047"/>
      <c r="AH27" s="1047"/>
      <c r="AI27" s="1047"/>
      <c r="AJ27" s="1094"/>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32"/>
      <c r="BK27" s="232"/>
      <c r="BL27" s="232"/>
      <c r="BM27" s="232"/>
      <c r="BN27" s="232"/>
      <c r="BO27" s="241"/>
      <c r="BP27" s="241"/>
      <c r="BQ27" s="238">
        <v>21</v>
      </c>
      <c r="BR27" s="239"/>
      <c r="BS27" s="1028"/>
      <c r="BT27" s="1029"/>
      <c r="BU27" s="1029"/>
      <c r="BV27" s="1029"/>
      <c r="BW27" s="1029"/>
      <c r="BX27" s="1029"/>
      <c r="BY27" s="1029"/>
      <c r="BZ27" s="1029"/>
      <c r="CA27" s="1029"/>
      <c r="CB27" s="1029"/>
      <c r="CC27" s="1029"/>
      <c r="CD27" s="1029"/>
      <c r="CE27" s="1029"/>
      <c r="CF27" s="1029"/>
      <c r="CG27" s="1050"/>
      <c r="CH27" s="1025"/>
      <c r="CI27" s="1026"/>
      <c r="CJ27" s="1026"/>
      <c r="CK27" s="1026"/>
      <c r="CL27" s="1027"/>
      <c r="CM27" s="1025"/>
      <c r="CN27" s="1026"/>
      <c r="CO27" s="1026"/>
      <c r="CP27" s="1026"/>
      <c r="CQ27" s="1027"/>
      <c r="CR27" s="1025"/>
      <c r="CS27" s="1026"/>
      <c r="CT27" s="1026"/>
      <c r="CU27" s="1026"/>
      <c r="CV27" s="1027"/>
      <c r="CW27" s="1025"/>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30"/>
    </row>
    <row r="28" spans="1:131" ht="26.25" customHeight="1" thickTop="1" x14ac:dyDescent="0.2">
      <c r="A28" s="242">
        <v>1</v>
      </c>
      <c r="B28" s="1083" t="s">
        <v>405</v>
      </c>
      <c r="C28" s="1084"/>
      <c r="D28" s="1084"/>
      <c r="E28" s="1084"/>
      <c r="F28" s="1084"/>
      <c r="G28" s="1084"/>
      <c r="H28" s="1084"/>
      <c r="I28" s="1084"/>
      <c r="J28" s="1084"/>
      <c r="K28" s="1084"/>
      <c r="L28" s="1084"/>
      <c r="M28" s="1084"/>
      <c r="N28" s="1084"/>
      <c r="O28" s="1084"/>
      <c r="P28" s="1085"/>
      <c r="Q28" s="1086">
        <v>4926</v>
      </c>
      <c r="R28" s="1087"/>
      <c r="S28" s="1087"/>
      <c r="T28" s="1087"/>
      <c r="U28" s="1087"/>
      <c r="V28" s="1087">
        <v>4782</v>
      </c>
      <c r="W28" s="1087"/>
      <c r="X28" s="1087"/>
      <c r="Y28" s="1087"/>
      <c r="Z28" s="1087"/>
      <c r="AA28" s="1087">
        <v>144</v>
      </c>
      <c r="AB28" s="1087"/>
      <c r="AC28" s="1087"/>
      <c r="AD28" s="1087"/>
      <c r="AE28" s="1088"/>
      <c r="AF28" s="1089">
        <v>144</v>
      </c>
      <c r="AG28" s="1087"/>
      <c r="AH28" s="1087"/>
      <c r="AI28" s="1087"/>
      <c r="AJ28" s="1090"/>
      <c r="AK28" s="1078">
        <v>640</v>
      </c>
      <c r="AL28" s="1079"/>
      <c r="AM28" s="1079"/>
      <c r="AN28" s="1079"/>
      <c r="AO28" s="1079"/>
      <c r="AP28" s="1079" t="s">
        <v>525</v>
      </c>
      <c r="AQ28" s="1079"/>
      <c r="AR28" s="1079"/>
      <c r="AS28" s="1079"/>
      <c r="AT28" s="1079"/>
      <c r="AU28" s="1079" t="s">
        <v>525</v>
      </c>
      <c r="AV28" s="1079"/>
      <c r="AW28" s="1079"/>
      <c r="AX28" s="1079"/>
      <c r="AY28" s="1079"/>
      <c r="AZ28" s="1080" t="s">
        <v>525</v>
      </c>
      <c r="BA28" s="1080"/>
      <c r="BB28" s="1080"/>
      <c r="BC28" s="1080"/>
      <c r="BD28" s="1080"/>
      <c r="BE28" s="1081"/>
      <c r="BF28" s="1081"/>
      <c r="BG28" s="1081"/>
      <c r="BH28" s="1081"/>
      <c r="BI28" s="1082"/>
      <c r="BJ28" s="232"/>
      <c r="BK28" s="232"/>
      <c r="BL28" s="232"/>
      <c r="BM28" s="232"/>
      <c r="BN28" s="232"/>
      <c r="BO28" s="241"/>
      <c r="BP28" s="241"/>
      <c r="BQ28" s="238">
        <v>22</v>
      </c>
      <c r="BR28" s="239"/>
      <c r="BS28" s="1028"/>
      <c r="BT28" s="1029"/>
      <c r="BU28" s="1029"/>
      <c r="BV28" s="1029"/>
      <c r="BW28" s="1029"/>
      <c r="BX28" s="1029"/>
      <c r="BY28" s="1029"/>
      <c r="BZ28" s="1029"/>
      <c r="CA28" s="1029"/>
      <c r="CB28" s="1029"/>
      <c r="CC28" s="1029"/>
      <c r="CD28" s="1029"/>
      <c r="CE28" s="1029"/>
      <c r="CF28" s="1029"/>
      <c r="CG28" s="1050"/>
      <c r="CH28" s="1025"/>
      <c r="CI28" s="1026"/>
      <c r="CJ28" s="1026"/>
      <c r="CK28" s="1026"/>
      <c r="CL28" s="1027"/>
      <c r="CM28" s="1025"/>
      <c r="CN28" s="1026"/>
      <c r="CO28" s="1026"/>
      <c r="CP28" s="1026"/>
      <c r="CQ28" s="1027"/>
      <c r="CR28" s="1025"/>
      <c r="CS28" s="1026"/>
      <c r="CT28" s="1026"/>
      <c r="CU28" s="1026"/>
      <c r="CV28" s="1027"/>
      <c r="CW28" s="1025"/>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30"/>
    </row>
    <row r="29" spans="1:131" ht="26.25" customHeight="1" x14ac:dyDescent="0.2">
      <c r="A29" s="242">
        <v>2</v>
      </c>
      <c r="B29" s="1066" t="s">
        <v>406</v>
      </c>
      <c r="C29" s="1067"/>
      <c r="D29" s="1067"/>
      <c r="E29" s="1067"/>
      <c r="F29" s="1067"/>
      <c r="G29" s="1067"/>
      <c r="H29" s="1067"/>
      <c r="I29" s="1067"/>
      <c r="J29" s="1067"/>
      <c r="K29" s="1067"/>
      <c r="L29" s="1067"/>
      <c r="M29" s="1067"/>
      <c r="N29" s="1067"/>
      <c r="O29" s="1067"/>
      <c r="P29" s="1068"/>
      <c r="Q29" s="1074">
        <v>3658</v>
      </c>
      <c r="R29" s="1075"/>
      <c r="S29" s="1075"/>
      <c r="T29" s="1075"/>
      <c r="U29" s="1075"/>
      <c r="V29" s="1075">
        <v>3429</v>
      </c>
      <c r="W29" s="1075"/>
      <c r="X29" s="1075"/>
      <c r="Y29" s="1075"/>
      <c r="Z29" s="1075"/>
      <c r="AA29" s="1075">
        <v>230</v>
      </c>
      <c r="AB29" s="1075"/>
      <c r="AC29" s="1075"/>
      <c r="AD29" s="1075"/>
      <c r="AE29" s="1076"/>
      <c r="AF29" s="1071">
        <v>230</v>
      </c>
      <c r="AG29" s="1072"/>
      <c r="AH29" s="1072"/>
      <c r="AI29" s="1072"/>
      <c r="AJ29" s="1073"/>
      <c r="AK29" s="1016">
        <v>549</v>
      </c>
      <c r="AL29" s="1007"/>
      <c r="AM29" s="1007"/>
      <c r="AN29" s="1007"/>
      <c r="AO29" s="1007"/>
      <c r="AP29" s="1007" t="s">
        <v>525</v>
      </c>
      <c r="AQ29" s="1007"/>
      <c r="AR29" s="1007"/>
      <c r="AS29" s="1007"/>
      <c r="AT29" s="1007"/>
      <c r="AU29" s="1007" t="s">
        <v>525</v>
      </c>
      <c r="AV29" s="1007"/>
      <c r="AW29" s="1007"/>
      <c r="AX29" s="1007"/>
      <c r="AY29" s="1007"/>
      <c r="AZ29" s="1077" t="s">
        <v>525</v>
      </c>
      <c r="BA29" s="1077"/>
      <c r="BB29" s="1077"/>
      <c r="BC29" s="1077"/>
      <c r="BD29" s="1077"/>
      <c r="BE29" s="1008"/>
      <c r="BF29" s="1008"/>
      <c r="BG29" s="1008"/>
      <c r="BH29" s="1008"/>
      <c r="BI29" s="1009"/>
      <c r="BJ29" s="232"/>
      <c r="BK29" s="232"/>
      <c r="BL29" s="232"/>
      <c r="BM29" s="232"/>
      <c r="BN29" s="232"/>
      <c r="BO29" s="241"/>
      <c r="BP29" s="241"/>
      <c r="BQ29" s="238">
        <v>23</v>
      </c>
      <c r="BR29" s="239"/>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30"/>
    </row>
    <row r="30" spans="1:131" ht="26.25" customHeight="1" x14ac:dyDescent="0.2">
      <c r="A30" s="242">
        <v>3</v>
      </c>
      <c r="B30" s="1066" t="s">
        <v>407</v>
      </c>
      <c r="C30" s="1067"/>
      <c r="D30" s="1067"/>
      <c r="E30" s="1067"/>
      <c r="F30" s="1067"/>
      <c r="G30" s="1067"/>
      <c r="H30" s="1067"/>
      <c r="I30" s="1067"/>
      <c r="J30" s="1067"/>
      <c r="K30" s="1067"/>
      <c r="L30" s="1067"/>
      <c r="M30" s="1067"/>
      <c r="N30" s="1067"/>
      <c r="O30" s="1067"/>
      <c r="P30" s="1068"/>
      <c r="Q30" s="1074">
        <v>1203</v>
      </c>
      <c r="R30" s="1075"/>
      <c r="S30" s="1075"/>
      <c r="T30" s="1075"/>
      <c r="U30" s="1075"/>
      <c r="V30" s="1075">
        <v>1174</v>
      </c>
      <c r="W30" s="1075"/>
      <c r="X30" s="1075"/>
      <c r="Y30" s="1075"/>
      <c r="Z30" s="1075"/>
      <c r="AA30" s="1075">
        <v>29</v>
      </c>
      <c r="AB30" s="1075"/>
      <c r="AC30" s="1075"/>
      <c r="AD30" s="1075"/>
      <c r="AE30" s="1076"/>
      <c r="AF30" s="1071">
        <v>29</v>
      </c>
      <c r="AG30" s="1072"/>
      <c r="AH30" s="1072"/>
      <c r="AI30" s="1072"/>
      <c r="AJ30" s="1073"/>
      <c r="AK30" s="1016">
        <v>665</v>
      </c>
      <c r="AL30" s="1007"/>
      <c r="AM30" s="1007"/>
      <c r="AN30" s="1007"/>
      <c r="AO30" s="1007"/>
      <c r="AP30" s="1007" t="s">
        <v>525</v>
      </c>
      <c r="AQ30" s="1007"/>
      <c r="AR30" s="1007"/>
      <c r="AS30" s="1007"/>
      <c r="AT30" s="1007"/>
      <c r="AU30" s="1007" t="s">
        <v>525</v>
      </c>
      <c r="AV30" s="1007"/>
      <c r="AW30" s="1007"/>
      <c r="AX30" s="1007"/>
      <c r="AY30" s="1007"/>
      <c r="AZ30" s="1077" t="s">
        <v>525</v>
      </c>
      <c r="BA30" s="1077"/>
      <c r="BB30" s="1077"/>
      <c r="BC30" s="1077"/>
      <c r="BD30" s="1077"/>
      <c r="BE30" s="1008"/>
      <c r="BF30" s="1008"/>
      <c r="BG30" s="1008"/>
      <c r="BH30" s="1008"/>
      <c r="BI30" s="1009"/>
      <c r="BJ30" s="232"/>
      <c r="BK30" s="232"/>
      <c r="BL30" s="232"/>
      <c r="BM30" s="232"/>
      <c r="BN30" s="232"/>
      <c r="BO30" s="241"/>
      <c r="BP30" s="241"/>
      <c r="BQ30" s="238">
        <v>24</v>
      </c>
      <c r="BR30" s="239"/>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30"/>
    </row>
    <row r="31" spans="1:131" ht="26.25" customHeight="1" x14ac:dyDescent="0.2">
      <c r="A31" s="242">
        <v>4</v>
      </c>
      <c r="B31" s="1066" t="s">
        <v>408</v>
      </c>
      <c r="C31" s="1067"/>
      <c r="D31" s="1067"/>
      <c r="E31" s="1067"/>
      <c r="F31" s="1067"/>
      <c r="G31" s="1067"/>
      <c r="H31" s="1067"/>
      <c r="I31" s="1067"/>
      <c r="J31" s="1067"/>
      <c r="K31" s="1067"/>
      <c r="L31" s="1067"/>
      <c r="M31" s="1067"/>
      <c r="N31" s="1067"/>
      <c r="O31" s="1067"/>
      <c r="P31" s="1068"/>
      <c r="Q31" s="1074">
        <v>1308</v>
      </c>
      <c r="R31" s="1075"/>
      <c r="S31" s="1075"/>
      <c r="T31" s="1075"/>
      <c r="U31" s="1075"/>
      <c r="V31" s="1075">
        <v>1305</v>
      </c>
      <c r="W31" s="1075"/>
      <c r="X31" s="1075"/>
      <c r="Y31" s="1075"/>
      <c r="Z31" s="1075"/>
      <c r="AA31" s="1075">
        <v>3</v>
      </c>
      <c r="AB31" s="1075"/>
      <c r="AC31" s="1075"/>
      <c r="AD31" s="1075"/>
      <c r="AE31" s="1076"/>
      <c r="AF31" s="1071">
        <v>120</v>
      </c>
      <c r="AG31" s="1072"/>
      <c r="AH31" s="1072"/>
      <c r="AI31" s="1072"/>
      <c r="AJ31" s="1073"/>
      <c r="AK31" s="1016">
        <v>431</v>
      </c>
      <c r="AL31" s="1007"/>
      <c r="AM31" s="1007"/>
      <c r="AN31" s="1007"/>
      <c r="AO31" s="1007"/>
      <c r="AP31" s="1007">
        <v>6237</v>
      </c>
      <c r="AQ31" s="1007"/>
      <c r="AR31" s="1007"/>
      <c r="AS31" s="1007"/>
      <c r="AT31" s="1007"/>
      <c r="AU31" s="1007">
        <v>2701</v>
      </c>
      <c r="AV31" s="1007"/>
      <c r="AW31" s="1007"/>
      <c r="AX31" s="1007"/>
      <c r="AY31" s="1007"/>
      <c r="AZ31" s="1077" t="s">
        <v>525</v>
      </c>
      <c r="BA31" s="1077"/>
      <c r="BB31" s="1077"/>
      <c r="BC31" s="1077"/>
      <c r="BD31" s="1077"/>
      <c r="BE31" s="1008" t="s">
        <v>409</v>
      </c>
      <c r="BF31" s="1008"/>
      <c r="BG31" s="1008"/>
      <c r="BH31" s="1008"/>
      <c r="BI31" s="1009"/>
      <c r="BJ31" s="232"/>
      <c r="BK31" s="232"/>
      <c r="BL31" s="232"/>
      <c r="BM31" s="232"/>
      <c r="BN31" s="232"/>
      <c r="BO31" s="241"/>
      <c r="BP31" s="241"/>
      <c r="BQ31" s="238">
        <v>25</v>
      </c>
      <c r="BR31" s="239"/>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30"/>
    </row>
    <row r="32" spans="1:131" ht="26.25" customHeight="1" x14ac:dyDescent="0.2">
      <c r="A32" s="242">
        <v>5</v>
      </c>
      <c r="B32" s="1066"/>
      <c r="C32" s="1067"/>
      <c r="D32" s="1067"/>
      <c r="E32" s="1067"/>
      <c r="F32" s="1067"/>
      <c r="G32" s="1067"/>
      <c r="H32" s="1067"/>
      <c r="I32" s="1067"/>
      <c r="J32" s="1067"/>
      <c r="K32" s="1067"/>
      <c r="L32" s="1067"/>
      <c r="M32" s="1067"/>
      <c r="N32" s="1067"/>
      <c r="O32" s="1067"/>
      <c r="P32" s="1068"/>
      <c r="Q32" s="1074"/>
      <c r="R32" s="1075"/>
      <c r="S32" s="1075"/>
      <c r="T32" s="1075"/>
      <c r="U32" s="1075"/>
      <c r="V32" s="1075"/>
      <c r="W32" s="1075"/>
      <c r="X32" s="1075"/>
      <c r="Y32" s="1075"/>
      <c r="Z32" s="1075"/>
      <c r="AA32" s="1075"/>
      <c r="AB32" s="1075"/>
      <c r="AC32" s="1075"/>
      <c r="AD32" s="1075"/>
      <c r="AE32" s="1076"/>
      <c r="AF32" s="1071"/>
      <c r="AG32" s="1072"/>
      <c r="AH32" s="1072"/>
      <c r="AI32" s="1072"/>
      <c r="AJ32" s="1073"/>
      <c r="AK32" s="1016"/>
      <c r="AL32" s="1007"/>
      <c r="AM32" s="1007"/>
      <c r="AN32" s="1007"/>
      <c r="AO32" s="1007"/>
      <c r="AP32" s="1007"/>
      <c r="AQ32" s="1007"/>
      <c r="AR32" s="1007"/>
      <c r="AS32" s="1007"/>
      <c r="AT32" s="1007"/>
      <c r="AU32" s="1007"/>
      <c r="AV32" s="1007"/>
      <c r="AW32" s="1007"/>
      <c r="AX32" s="1007"/>
      <c r="AY32" s="1007"/>
      <c r="AZ32" s="1077"/>
      <c r="BA32" s="1077"/>
      <c r="BB32" s="1077"/>
      <c r="BC32" s="1077"/>
      <c r="BD32" s="1077"/>
      <c r="BE32" s="1008"/>
      <c r="BF32" s="1008"/>
      <c r="BG32" s="1008"/>
      <c r="BH32" s="1008"/>
      <c r="BI32" s="1009"/>
      <c r="BJ32" s="232"/>
      <c r="BK32" s="232"/>
      <c r="BL32" s="232"/>
      <c r="BM32" s="232"/>
      <c r="BN32" s="232"/>
      <c r="BO32" s="241"/>
      <c r="BP32" s="241"/>
      <c r="BQ32" s="238">
        <v>26</v>
      </c>
      <c r="BR32" s="239"/>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30"/>
    </row>
    <row r="33" spans="1:131" ht="26.25" customHeight="1" x14ac:dyDescent="0.2">
      <c r="A33" s="242">
        <v>6</v>
      </c>
      <c r="B33" s="1066"/>
      <c r="C33" s="1067"/>
      <c r="D33" s="1067"/>
      <c r="E33" s="1067"/>
      <c r="F33" s="1067"/>
      <c r="G33" s="1067"/>
      <c r="H33" s="1067"/>
      <c r="I33" s="1067"/>
      <c r="J33" s="1067"/>
      <c r="K33" s="1067"/>
      <c r="L33" s="1067"/>
      <c r="M33" s="1067"/>
      <c r="N33" s="1067"/>
      <c r="O33" s="1067"/>
      <c r="P33" s="1068"/>
      <c r="Q33" s="1074"/>
      <c r="R33" s="1075"/>
      <c r="S33" s="1075"/>
      <c r="T33" s="1075"/>
      <c r="U33" s="1075"/>
      <c r="V33" s="1075"/>
      <c r="W33" s="1075"/>
      <c r="X33" s="1075"/>
      <c r="Y33" s="1075"/>
      <c r="Z33" s="1075"/>
      <c r="AA33" s="1075"/>
      <c r="AB33" s="1075"/>
      <c r="AC33" s="1075"/>
      <c r="AD33" s="1075"/>
      <c r="AE33" s="1076"/>
      <c r="AF33" s="1071"/>
      <c r="AG33" s="1072"/>
      <c r="AH33" s="1072"/>
      <c r="AI33" s="1072"/>
      <c r="AJ33" s="1073"/>
      <c r="AK33" s="1016"/>
      <c r="AL33" s="1007"/>
      <c r="AM33" s="1007"/>
      <c r="AN33" s="1007"/>
      <c r="AO33" s="1007"/>
      <c r="AP33" s="1007"/>
      <c r="AQ33" s="1007"/>
      <c r="AR33" s="1007"/>
      <c r="AS33" s="1007"/>
      <c r="AT33" s="1007"/>
      <c r="AU33" s="1007"/>
      <c r="AV33" s="1007"/>
      <c r="AW33" s="1007"/>
      <c r="AX33" s="1007"/>
      <c r="AY33" s="1007"/>
      <c r="AZ33" s="1077"/>
      <c r="BA33" s="1077"/>
      <c r="BB33" s="1077"/>
      <c r="BC33" s="1077"/>
      <c r="BD33" s="1077"/>
      <c r="BE33" s="1008"/>
      <c r="BF33" s="1008"/>
      <c r="BG33" s="1008"/>
      <c r="BH33" s="1008"/>
      <c r="BI33" s="1009"/>
      <c r="BJ33" s="232"/>
      <c r="BK33" s="232"/>
      <c r="BL33" s="232"/>
      <c r="BM33" s="232"/>
      <c r="BN33" s="232"/>
      <c r="BO33" s="241"/>
      <c r="BP33" s="241"/>
      <c r="BQ33" s="238">
        <v>27</v>
      </c>
      <c r="BR33" s="239"/>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30"/>
    </row>
    <row r="34" spans="1:131" ht="26.25" customHeight="1" x14ac:dyDescent="0.2">
      <c r="A34" s="242">
        <v>7</v>
      </c>
      <c r="B34" s="1066"/>
      <c r="C34" s="1067"/>
      <c r="D34" s="1067"/>
      <c r="E34" s="1067"/>
      <c r="F34" s="1067"/>
      <c r="G34" s="1067"/>
      <c r="H34" s="1067"/>
      <c r="I34" s="1067"/>
      <c r="J34" s="1067"/>
      <c r="K34" s="1067"/>
      <c r="L34" s="1067"/>
      <c r="M34" s="1067"/>
      <c r="N34" s="1067"/>
      <c r="O34" s="1067"/>
      <c r="P34" s="1068"/>
      <c r="Q34" s="1074"/>
      <c r="R34" s="1075"/>
      <c r="S34" s="1075"/>
      <c r="T34" s="1075"/>
      <c r="U34" s="1075"/>
      <c r="V34" s="1075"/>
      <c r="W34" s="1075"/>
      <c r="X34" s="1075"/>
      <c r="Y34" s="1075"/>
      <c r="Z34" s="1075"/>
      <c r="AA34" s="1075"/>
      <c r="AB34" s="1075"/>
      <c r="AC34" s="1075"/>
      <c r="AD34" s="1075"/>
      <c r="AE34" s="1076"/>
      <c r="AF34" s="1071"/>
      <c r="AG34" s="1072"/>
      <c r="AH34" s="1072"/>
      <c r="AI34" s="1072"/>
      <c r="AJ34" s="1073"/>
      <c r="AK34" s="1016"/>
      <c r="AL34" s="1007"/>
      <c r="AM34" s="1007"/>
      <c r="AN34" s="1007"/>
      <c r="AO34" s="1007"/>
      <c r="AP34" s="1007"/>
      <c r="AQ34" s="1007"/>
      <c r="AR34" s="1007"/>
      <c r="AS34" s="1007"/>
      <c r="AT34" s="1007"/>
      <c r="AU34" s="1007"/>
      <c r="AV34" s="1007"/>
      <c r="AW34" s="1007"/>
      <c r="AX34" s="1007"/>
      <c r="AY34" s="1007"/>
      <c r="AZ34" s="1077"/>
      <c r="BA34" s="1077"/>
      <c r="BB34" s="1077"/>
      <c r="BC34" s="1077"/>
      <c r="BD34" s="1077"/>
      <c r="BE34" s="1008"/>
      <c r="BF34" s="1008"/>
      <c r="BG34" s="1008"/>
      <c r="BH34" s="1008"/>
      <c r="BI34" s="1009"/>
      <c r="BJ34" s="232"/>
      <c r="BK34" s="232"/>
      <c r="BL34" s="232"/>
      <c r="BM34" s="232"/>
      <c r="BN34" s="232"/>
      <c r="BO34" s="241"/>
      <c r="BP34" s="241"/>
      <c r="BQ34" s="238">
        <v>28</v>
      </c>
      <c r="BR34" s="239"/>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30"/>
    </row>
    <row r="35" spans="1:131" ht="26.25" customHeight="1" x14ac:dyDescent="0.2">
      <c r="A35" s="242">
        <v>8</v>
      </c>
      <c r="B35" s="1066"/>
      <c r="C35" s="1067"/>
      <c r="D35" s="1067"/>
      <c r="E35" s="1067"/>
      <c r="F35" s="1067"/>
      <c r="G35" s="1067"/>
      <c r="H35" s="1067"/>
      <c r="I35" s="1067"/>
      <c r="J35" s="1067"/>
      <c r="K35" s="1067"/>
      <c r="L35" s="1067"/>
      <c r="M35" s="1067"/>
      <c r="N35" s="1067"/>
      <c r="O35" s="1067"/>
      <c r="P35" s="1068"/>
      <c r="Q35" s="1074"/>
      <c r="R35" s="1075"/>
      <c r="S35" s="1075"/>
      <c r="T35" s="1075"/>
      <c r="U35" s="1075"/>
      <c r="V35" s="1075"/>
      <c r="W35" s="1075"/>
      <c r="X35" s="1075"/>
      <c r="Y35" s="1075"/>
      <c r="Z35" s="1075"/>
      <c r="AA35" s="1075"/>
      <c r="AB35" s="1075"/>
      <c r="AC35" s="1075"/>
      <c r="AD35" s="1075"/>
      <c r="AE35" s="1076"/>
      <c r="AF35" s="1071"/>
      <c r="AG35" s="1072"/>
      <c r="AH35" s="1072"/>
      <c r="AI35" s="1072"/>
      <c r="AJ35" s="1073"/>
      <c r="AK35" s="1016"/>
      <c r="AL35" s="1007"/>
      <c r="AM35" s="1007"/>
      <c r="AN35" s="1007"/>
      <c r="AO35" s="1007"/>
      <c r="AP35" s="1007"/>
      <c r="AQ35" s="1007"/>
      <c r="AR35" s="1007"/>
      <c r="AS35" s="1007"/>
      <c r="AT35" s="1007"/>
      <c r="AU35" s="1007"/>
      <c r="AV35" s="1007"/>
      <c r="AW35" s="1007"/>
      <c r="AX35" s="1007"/>
      <c r="AY35" s="1007"/>
      <c r="AZ35" s="1077"/>
      <c r="BA35" s="1077"/>
      <c r="BB35" s="1077"/>
      <c r="BC35" s="1077"/>
      <c r="BD35" s="1077"/>
      <c r="BE35" s="1008"/>
      <c r="BF35" s="1008"/>
      <c r="BG35" s="1008"/>
      <c r="BH35" s="1008"/>
      <c r="BI35" s="1009"/>
      <c r="BJ35" s="232"/>
      <c r="BK35" s="232"/>
      <c r="BL35" s="232"/>
      <c r="BM35" s="232"/>
      <c r="BN35" s="232"/>
      <c r="BO35" s="241"/>
      <c r="BP35" s="241"/>
      <c r="BQ35" s="238">
        <v>29</v>
      </c>
      <c r="BR35" s="239"/>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30"/>
    </row>
    <row r="36" spans="1:131" ht="26.25" customHeight="1" x14ac:dyDescent="0.2">
      <c r="A36" s="242">
        <v>9</v>
      </c>
      <c r="B36" s="1066"/>
      <c r="C36" s="1067"/>
      <c r="D36" s="1067"/>
      <c r="E36" s="1067"/>
      <c r="F36" s="1067"/>
      <c r="G36" s="1067"/>
      <c r="H36" s="1067"/>
      <c r="I36" s="1067"/>
      <c r="J36" s="1067"/>
      <c r="K36" s="1067"/>
      <c r="L36" s="1067"/>
      <c r="M36" s="1067"/>
      <c r="N36" s="1067"/>
      <c r="O36" s="1067"/>
      <c r="P36" s="1068"/>
      <c r="Q36" s="1074"/>
      <c r="R36" s="1075"/>
      <c r="S36" s="1075"/>
      <c r="T36" s="1075"/>
      <c r="U36" s="1075"/>
      <c r="V36" s="1075"/>
      <c r="W36" s="1075"/>
      <c r="X36" s="1075"/>
      <c r="Y36" s="1075"/>
      <c r="Z36" s="1075"/>
      <c r="AA36" s="1075"/>
      <c r="AB36" s="1075"/>
      <c r="AC36" s="1075"/>
      <c r="AD36" s="1075"/>
      <c r="AE36" s="1076"/>
      <c r="AF36" s="1071"/>
      <c r="AG36" s="1072"/>
      <c r="AH36" s="1072"/>
      <c r="AI36" s="1072"/>
      <c r="AJ36" s="1073"/>
      <c r="AK36" s="1016"/>
      <c r="AL36" s="1007"/>
      <c r="AM36" s="1007"/>
      <c r="AN36" s="1007"/>
      <c r="AO36" s="1007"/>
      <c r="AP36" s="1007"/>
      <c r="AQ36" s="1007"/>
      <c r="AR36" s="1007"/>
      <c r="AS36" s="1007"/>
      <c r="AT36" s="1007"/>
      <c r="AU36" s="1007"/>
      <c r="AV36" s="1007"/>
      <c r="AW36" s="1007"/>
      <c r="AX36" s="1007"/>
      <c r="AY36" s="1007"/>
      <c r="AZ36" s="1077"/>
      <c r="BA36" s="1077"/>
      <c r="BB36" s="1077"/>
      <c r="BC36" s="1077"/>
      <c r="BD36" s="1077"/>
      <c r="BE36" s="1008"/>
      <c r="BF36" s="1008"/>
      <c r="BG36" s="1008"/>
      <c r="BH36" s="1008"/>
      <c r="BI36" s="1009"/>
      <c r="BJ36" s="232"/>
      <c r="BK36" s="232"/>
      <c r="BL36" s="232"/>
      <c r="BM36" s="232"/>
      <c r="BN36" s="232"/>
      <c r="BO36" s="241"/>
      <c r="BP36" s="241"/>
      <c r="BQ36" s="238">
        <v>30</v>
      </c>
      <c r="BR36" s="239"/>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30"/>
    </row>
    <row r="37" spans="1:131" ht="26.25" customHeight="1" x14ac:dyDescent="0.2">
      <c r="A37" s="242">
        <v>10</v>
      </c>
      <c r="B37" s="1066"/>
      <c r="C37" s="1067"/>
      <c r="D37" s="1067"/>
      <c r="E37" s="1067"/>
      <c r="F37" s="1067"/>
      <c r="G37" s="1067"/>
      <c r="H37" s="1067"/>
      <c r="I37" s="1067"/>
      <c r="J37" s="1067"/>
      <c r="K37" s="1067"/>
      <c r="L37" s="1067"/>
      <c r="M37" s="1067"/>
      <c r="N37" s="1067"/>
      <c r="O37" s="1067"/>
      <c r="P37" s="1068"/>
      <c r="Q37" s="1074"/>
      <c r="R37" s="1075"/>
      <c r="S37" s="1075"/>
      <c r="T37" s="1075"/>
      <c r="U37" s="1075"/>
      <c r="V37" s="1075"/>
      <c r="W37" s="1075"/>
      <c r="X37" s="1075"/>
      <c r="Y37" s="1075"/>
      <c r="Z37" s="1075"/>
      <c r="AA37" s="1075"/>
      <c r="AB37" s="1075"/>
      <c r="AC37" s="1075"/>
      <c r="AD37" s="1075"/>
      <c r="AE37" s="1076"/>
      <c r="AF37" s="1071"/>
      <c r="AG37" s="1072"/>
      <c r="AH37" s="1072"/>
      <c r="AI37" s="1072"/>
      <c r="AJ37" s="1073"/>
      <c r="AK37" s="1016"/>
      <c r="AL37" s="1007"/>
      <c r="AM37" s="1007"/>
      <c r="AN37" s="1007"/>
      <c r="AO37" s="1007"/>
      <c r="AP37" s="1007"/>
      <c r="AQ37" s="1007"/>
      <c r="AR37" s="1007"/>
      <c r="AS37" s="1007"/>
      <c r="AT37" s="1007"/>
      <c r="AU37" s="1007"/>
      <c r="AV37" s="1007"/>
      <c r="AW37" s="1007"/>
      <c r="AX37" s="1007"/>
      <c r="AY37" s="1007"/>
      <c r="AZ37" s="1077"/>
      <c r="BA37" s="1077"/>
      <c r="BB37" s="1077"/>
      <c r="BC37" s="1077"/>
      <c r="BD37" s="1077"/>
      <c r="BE37" s="1008"/>
      <c r="BF37" s="1008"/>
      <c r="BG37" s="1008"/>
      <c r="BH37" s="1008"/>
      <c r="BI37" s="1009"/>
      <c r="BJ37" s="232"/>
      <c r="BK37" s="232"/>
      <c r="BL37" s="232"/>
      <c r="BM37" s="232"/>
      <c r="BN37" s="232"/>
      <c r="BO37" s="241"/>
      <c r="BP37" s="241"/>
      <c r="BQ37" s="238">
        <v>31</v>
      </c>
      <c r="BR37" s="239"/>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30"/>
    </row>
    <row r="38" spans="1:131" ht="26.25" customHeight="1" x14ac:dyDescent="0.2">
      <c r="A38" s="242">
        <v>11</v>
      </c>
      <c r="B38" s="1066"/>
      <c r="C38" s="1067"/>
      <c r="D38" s="1067"/>
      <c r="E38" s="1067"/>
      <c r="F38" s="1067"/>
      <c r="G38" s="1067"/>
      <c r="H38" s="1067"/>
      <c r="I38" s="1067"/>
      <c r="J38" s="1067"/>
      <c r="K38" s="1067"/>
      <c r="L38" s="1067"/>
      <c r="M38" s="1067"/>
      <c r="N38" s="1067"/>
      <c r="O38" s="1067"/>
      <c r="P38" s="1068"/>
      <c r="Q38" s="1074"/>
      <c r="R38" s="1075"/>
      <c r="S38" s="1075"/>
      <c r="T38" s="1075"/>
      <c r="U38" s="1075"/>
      <c r="V38" s="1075"/>
      <c r="W38" s="1075"/>
      <c r="X38" s="1075"/>
      <c r="Y38" s="1075"/>
      <c r="Z38" s="1075"/>
      <c r="AA38" s="1075"/>
      <c r="AB38" s="1075"/>
      <c r="AC38" s="1075"/>
      <c r="AD38" s="1075"/>
      <c r="AE38" s="1076"/>
      <c r="AF38" s="1071"/>
      <c r="AG38" s="1072"/>
      <c r="AH38" s="1072"/>
      <c r="AI38" s="1072"/>
      <c r="AJ38" s="1073"/>
      <c r="AK38" s="1016"/>
      <c r="AL38" s="1007"/>
      <c r="AM38" s="1007"/>
      <c r="AN38" s="1007"/>
      <c r="AO38" s="1007"/>
      <c r="AP38" s="1007"/>
      <c r="AQ38" s="1007"/>
      <c r="AR38" s="1007"/>
      <c r="AS38" s="1007"/>
      <c r="AT38" s="1007"/>
      <c r="AU38" s="1007"/>
      <c r="AV38" s="1007"/>
      <c r="AW38" s="1007"/>
      <c r="AX38" s="1007"/>
      <c r="AY38" s="1007"/>
      <c r="AZ38" s="1077"/>
      <c r="BA38" s="1077"/>
      <c r="BB38" s="1077"/>
      <c r="BC38" s="1077"/>
      <c r="BD38" s="1077"/>
      <c r="BE38" s="1008"/>
      <c r="BF38" s="1008"/>
      <c r="BG38" s="1008"/>
      <c r="BH38" s="1008"/>
      <c r="BI38" s="1009"/>
      <c r="BJ38" s="232"/>
      <c r="BK38" s="232"/>
      <c r="BL38" s="232"/>
      <c r="BM38" s="232"/>
      <c r="BN38" s="232"/>
      <c r="BO38" s="241"/>
      <c r="BP38" s="241"/>
      <c r="BQ38" s="238">
        <v>32</v>
      </c>
      <c r="BR38" s="239"/>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30"/>
    </row>
    <row r="39" spans="1:131" ht="26.25" customHeight="1" x14ac:dyDescent="0.2">
      <c r="A39" s="242">
        <v>12</v>
      </c>
      <c r="B39" s="1066"/>
      <c r="C39" s="1067"/>
      <c r="D39" s="1067"/>
      <c r="E39" s="1067"/>
      <c r="F39" s="1067"/>
      <c r="G39" s="1067"/>
      <c r="H39" s="1067"/>
      <c r="I39" s="1067"/>
      <c r="J39" s="1067"/>
      <c r="K39" s="1067"/>
      <c r="L39" s="1067"/>
      <c r="M39" s="1067"/>
      <c r="N39" s="1067"/>
      <c r="O39" s="1067"/>
      <c r="P39" s="1068"/>
      <c r="Q39" s="1074"/>
      <c r="R39" s="1075"/>
      <c r="S39" s="1075"/>
      <c r="T39" s="1075"/>
      <c r="U39" s="1075"/>
      <c r="V39" s="1075"/>
      <c r="W39" s="1075"/>
      <c r="X39" s="1075"/>
      <c r="Y39" s="1075"/>
      <c r="Z39" s="1075"/>
      <c r="AA39" s="1075"/>
      <c r="AB39" s="1075"/>
      <c r="AC39" s="1075"/>
      <c r="AD39" s="1075"/>
      <c r="AE39" s="1076"/>
      <c r="AF39" s="1071"/>
      <c r="AG39" s="1072"/>
      <c r="AH39" s="1072"/>
      <c r="AI39" s="1072"/>
      <c r="AJ39" s="1073"/>
      <c r="AK39" s="1016"/>
      <c r="AL39" s="1007"/>
      <c r="AM39" s="1007"/>
      <c r="AN39" s="1007"/>
      <c r="AO39" s="1007"/>
      <c r="AP39" s="1007"/>
      <c r="AQ39" s="1007"/>
      <c r="AR39" s="1007"/>
      <c r="AS39" s="1007"/>
      <c r="AT39" s="1007"/>
      <c r="AU39" s="1007"/>
      <c r="AV39" s="1007"/>
      <c r="AW39" s="1007"/>
      <c r="AX39" s="1007"/>
      <c r="AY39" s="1007"/>
      <c r="AZ39" s="1077"/>
      <c r="BA39" s="1077"/>
      <c r="BB39" s="1077"/>
      <c r="BC39" s="1077"/>
      <c r="BD39" s="1077"/>
      <c r="BE39" s="1008"/>
      <c r="BF39" s="1008"/>
      <c r="BG39" s="1008"/>
      <c r="BH39" s="1008"/>
      <c r="BI39" s="1009"/>
      <c r="BJ39" s="232"/>
      <c r="BK39" s="232"/>
      <c r="BL39" s="232"/>
      <c r="BM39" s="232"/>
      <c r="BN39" s="232"/>
      <c r="BO39" s="241"/>
      <c r="BP39" s="241"/>
      <c r="BQ39" s="238">
        <v>33</v>
      </c>
      <c r="BR39" s="239"/>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30"/>
    </row>
    <row r="40" spans="1:131" ht="26.25" customHeight="1" x14ac:dyDescent="0.2">
      <c r="A40" s="238">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32"/>
      <c r="BK40" s="232"/>
      <c r="BL40" s="232"/>
      <c r="BM40" s="232"/>
      <c r="BN40" s="232"/>
      <c r="BO40" s="241"/>
      <c r="BP40" s="241"/>
      <c r="BQ40" s="238">
        <v>34</v>
      </c>
      <c r="BR40" s="239"/>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30"/>
    </row>
    <row r="41" spans="1:131" ht="26.25" customHeight="1" x14ac:dyDescent="0.2">
      <c r="A41" s="238">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32"/>
      <c r="BK41" s="232"/>
      <c r="BL41" s="232"/>
      <c r="BM41" s="232"/>
      <c r="BN41" s="232"/>
      <c r="BO41" s="241"/>
      <c r="BP41" s="241"/>
      <c r="BQ41" s="238">
        <v>35</v>
      </c>
      <c r="BR41" s="239"/>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30"/>
    </row>
    <row r="42" spans="1:131" ht="26.25" customHeight="1" x14ac:dyDescent="0.2">
      <c r="A42" s="238">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32"/>
      <c r="BK42" s="232"/>
      <c r="BL42" s="232"/>
      <c r="BM42" s="232"/>
      <c r="BN42" s="232"/>
      <c r="BO42" s="241"/>
      <c r="BP42" s="241"/>
      <c r="BQ42" s="238">
        <v>36</v>
      </c>
      <c r="BR42" s="239"/>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30"/>
    </row>
    <row r="43" spans="1:131" ht="26.25" customHeight="1" x14ac:dyDescent="0.2">
      <c r="A43" s="238">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32"/>
      <c r="BK43" s="232"/>
      <c r="BL43" s="232"/>
      <c r="BM43" s="232"/>
      <c r="BN43" s="232"/>
      <c r="BO43" s="241"/>
      <c r="BP43" s="241"/>
      <c r="BQ43" s="238">
        <v>37</v>
      </c>
      <c r="BR43" s="239"/>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30"/>
    </row>
    <row r="44" spans="1:131" ht="26.25" customHeight="1" x14ac:dyDescent="0.2">
      <c r="A44" s="238">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32"/>
      <c r="BK44" s="232"/>
      <c r="BL44" s="232"/>
      <c r="BM44" s="232"/>
      <c r="BN44" s="232"/>
      <c r="BO44" s="241"/>
      <c r="BP44" s="241"/>
      <c r="BQ44" s="238">
        <v>38</v>
      </c>
      <c r="BR44" s="239"/>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30"/>
    </row>
    <row r="45" spans="1:131" ht="26.25" customHeight="1" x14ac:dyDescent="0.2">
      <c r="A45" s="238">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32"/>
      <c r="BK45" s="232"/>
      <c r="BL45" s="232"/>
      <c r="BM45" s="232"/>
      <c r="BN45" s="232"/>
      <c r="BO45" s="241"/>
      <c r="BP45" s="241"/>
      <c r="BQ45" s="238">
        <v>39</v>
      </c>
      <c r="BR45" s="239"/>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30"/>
    </row>
    <row r="46" spans="1:131" ht="26.25" customHeight="1" x14ac:dyDescent="0.2">
      <c r="A46" s="238">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32"/>
      <c r="BK46" s="232"/>
      <c r="BL46" s="232"/>
      <c r="BM46" s="232"/>
      <c r="BN46" s="232"/>
      <c r="BO46" s="241"/>
      <c r="BP46" s="241"/>
      <c r="BQ46" s="238">
        <v>40</v>
      </c>
      <c r="BR46" s="239"/>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30"/>
    </row>
    <row r="47" spans="1:131" ht="26.25" customHeight="1" x14ac:dyDescent="0.2">
      <c r="A47" s="238">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32"/>
      <c r="BK47" s="232"/>
      <c r="BL47" s="232"/>
      <c r="BM47" s="232"/>
      <c r="BN47" s="232"/>
      <c r="BO47" s="241"/>
      <c r="BP47" s="241"/>
      <c r="BQ47" s="238">
        <v>41</v>
      </c>
      <c r="BR47" s="239"/>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30"/>
    </row>
    <row r="48" spans="1:131" ht="26.25" customHeight="1" x14ac:dyDescent="0.2">
      <c r="A48" s="238">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32"/>
      <c r="BK48" s="232"/>
      <c r="BL48" s="232"/>
      <c r="BM48" s="232"/>
      <c r="BN48" s="232"/>
      <c r="BO48" s="241"/>
      <c r="BP48" s="241"/>
      <c r="BQ48" s="238">
        <v>42</v>
      </c>
      <c r="BR48" s="239"/>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30"/>
    </row>
    <row r="49" spans="1:131" ht="26.25" customHeight="1" x14ac:dyDescent="0.2">
      <c r="A49" s="238">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32"/>
      <c r="BK49" s="232"/>
      <c r="BL49" s="232"/>
      <c r="BM49" s="232"/>
      <c r="BN49" s="232"/>
      <c r="BO49" s="241"/>
      <c r="BP49" s="241"/>
      <c r="BQ49" s="238">
        <v>43</v>
      </c>
      <c r="BR49" s="239"/>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30"/>
    </row>
    <row r="50" spans="1:131" ht="26.25" customHeight="1" x14ac:dyDescent="0.2">
      <c r="A50" s="238">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32"/>
      <c r="BK50" s="232"/>
      <c r="BL50" s="232"/>
      <c r="BM50" s="232"/>
      <c r="BN50" s="232"/>
      <c r="BO50" s="241"/>
      <c r="BP50" s="241"/>
      <c r="BQ50" s="238">
        <v>44</v>
      </c>
      <c r="BR50" s="239"/>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30"/>
    </row>
    <row r="51" spans="1:131" ht="26.25" customHeight="1" x14ac:dyDescent="0.2">
      <c r="A51" s="238">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32"/>
      <c r="BK51" s="232"/>
      <c r="BL51" s="232"/>
      <c r="BM51" s="232"/>
      <c r="BN51" s="232"/>
      <c r="BO51" s="241"/>
      <c r="BP51" s="241"/>
      <c r="BQ51" s="238">
        <v>45</v>
      </c>
      <c r="BR51" s="239"/>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30"/>
    </row>
    <row r="52" spans="1:131" ht="26.25" customHeight="1" x14ac:dyDescent="0.2">
      <c r="A52" s="238">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32"/>
      <c r="BK52" s="232"/>
      <c r="BL52" s="232"/>
      <c r="BM52" s="232"/>
      <c r="BN52" s="232"/>
      <c r="BO52" s="241"/>
      <c r="BP52" s="241"/>
      <c r="BQ52" s="238">
        <v>46</v>
      </c>
      <c r="BR52" s="239"/>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30"/>
    </row>
    <row r="53" spans="1:131" ht="26.25" customHeight="1" x14ac:dyDescent="0.2">
      <c r="A53" s="238">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32"/>
      <c r="BK53" s="232"/>
      <c r="BL53" s="232"/>
      <c r="BM53" s="232"/>
      <c r="BN53" s="232"/>
      <c r="BO53" s="241"/>
      <c r="BP53" s="241"/>
      <c r="BQ53" s="238">
        <v>47</v>
      </c>
      <c r="BR53" s="239"/>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30"/>
    </row>
    <row r="54" spans="1:131" ht="26.25" customHeight="1" x14ac:dyDescent="0.2">
      <c r="A54" s="238">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32"/>
      <c r="BK54" s="232"/>
      <c r="BL54" s="232"/>
      <c r="BM54" s="232"/>
      <c r="BN54" s="232"/>
      <c r="BO54" s="241"/>
      <c r="BP54" s="241"/>
      <c r="BQ54" s="238">
        <v>48</v>
      </c>
      <c r="BR54" s="239"/>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30"/>
    </row>
    <row r="55" spans="1:131" ht="26.25" customHeight="1" x14ac:dyDescent="0.2">
      <c r="A55" s="238">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32"/>
      <c r="BK55" s="232"/>
      <c r="BL55" s="232"/>
      <c r="BM55" s="232"/>
      <c r="BN55" s="232"/>
      <c r="BO55" s="241"/>
      <c r="BP55" s="241"/>
      <c r="BQ55" s="238">
        <v>49</v>
      </c>
      <c r="BR55" s="239"/>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30"/>
    </row>
    <row r="56" spans="1:131" ht="26.25" customHeight="1" x14ac:dyDescent="0.2">
      <c r="A56" s="238">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32"/>
      <c r="BK56" s="232"/>
      <c r="BL56" s="232"/>
      <c r="BM56" s="232"/>
      <c r="BN56" s="232"/>
      <c r="BO56" s="241"/>
      <c r="BP56" s="241"/>
      <c r="BQ56" s="238">
        <v>50</v>
      </c>
      <c r="BR56" s="239"/>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30"/>
    </row>
    <row r="57" spans="1:131" ht="26.25" customHeight="1" x14ac:dyDescent="0.2">
      <c r="A57" s="238">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32"/>
      <c r="BK57" s="232"/>
      <c r="BL57" s="232"/>
      <c r="BM57" s="232"/>
      <c r="BN57" s="232"/>
      <c r="BO57" s="241"/>
      <c r="BP57" s="241"/>
      <c r="BQ57" s="238">
        <v>51</v>
      </c>
      <c r="BR57" s="239"/>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30"/>
    </row>
    <row r="58" spans="1:131" ht="26.25" customHeight="1" x14ac:dyDescent="0.2">
      <c r="A58" s="238">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32"/>
      <c r="BK58" s="232"/>
      <c r="BL58" s="232"/>
      <c r="BM58" s="232"/>
      <c r="BN58" s="232"/>
      <c r="BO58" s="241"/>
      <c r="BP58" s="241"/>
      <c r="BQ58" s="238">
        <v>52</v>
      </c>
      <c r="BR58" s="239"/>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30"/>
    </row>
    <row r="59" spans="1:131" ht="26.25" customHeight="1" x14ac:dyDescent="0.2">
      <c r="A59" s="238">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32"/>
      <c r="BK59" s="232"/>
      <c r="BL59" s="232"/>
      <c r="BM59" s="232"/>
      <c r="BN59" s="232"/>
      <c r="BO59" s="241"/>
      <c r="BP59" s="241"/>
      <c r="BQ59" s="238">
        <v>53</v>
      </c>
      <c r="BR59" s="239"/>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30"/>
    </row>
    <row r="60" spans="1:131" ht="26.25" customHeight="1" x14ac:dyDescent="0.2">
      <c r="A60" s="238">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32"/>
      <c r="BK60" s="232"/>
      <c r="BL60" s="232"/>
      <c r="BM60" s="232"/>
      <c r="BN60" s="232"/>
      <c r="BO60" s="241"/>
      <c r="BP60" s="241"/>
      <c r="BQ60" s="238">
        <v>54</v>
      </c>
      <c r="BR60" s="239"/>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30"/>
    </row>
    <row r="61" spans="1:131" ht="26.25" customHeight="1" thickBot="1" x14ac:dyDescent="0.25">
      <c r="A61" s="238">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32"/>
      <c r="BK61" s="232"/>
      <c r="BL61" s="232"/>
      <c r="BM61" s="232"/>
      <c r="BN61" s="232"/>
      <c r="BO61" s="241"/>
      <c r="BP61" s="241"/>
      <c r="BQ61" s="238">
        <v>55</v>
      </c>
      <c r="BR61" s="239"/>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30"/>
    </row>
    <row r="62" spans="1:131" ht="26.25" customHeight="1" x14ac:dyDescent="0.2">
      <c r="A62" s="238">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10</v>
      </c>
      <c r="BK62" s="1064"/>
      <c r="BL62" s="1064"/>
      <c r="BM62" s="1064"/>
      <c r="BN62" s="1065"/>
      <c r="BO62" s="241"/>
      <c r="BP62" s="241"/>
      <c r="BQ62" s="238">
        <v>56</v>
      </c>
      <c r="BR62" s="239"/>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30"/>
    </row>
    <row r="63" spans="1:131" ht="26.25" customHeight="1" thickBot="1" x14ac:dyDescent="0.25">
      <c r="A63" s="240" t="s">
        <v>392</v>
      </c>
      <c r="B63" s="973" t="s">
        <v>411</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523</v>
      </c>
      <c r="AG63" s="995"/>
      <c r="AH63" s="995"/>
      <c r="AI63" s="995"/>
      <c r="AJ63" s="1058"/>
      <c r="AK63" s="1059"/>
      <c r="AL63" s="999"/>
      <c r="AM63" s="999"/>
      <c r="AN63" s="999"/>
      <c r="AO63" s="999"/>
      <c r="AP63" s="995">
        <v>6237</v>
      </c>
      <c r="AQ63" s="995"/>
      <c r="AR63" s="995"/>
      <c r="AS63" s="995"/>
      <c r="AT63" s="995"/>
      <c r="AU63" s="995">
        <v>2701</v>
      </c>
      <c r="AV63" s="995"/>
      <c r="AW63" s="995"/>
      <c r="AX63" s="995"/>
      <c r="AY63" s="995"/>
      <c r="AZ63" s="1053"/>
      <c r="BA63" s="1053"/>
      <c r="BB63" s="1053"/>
      <c r="BC63" s="1053"/>
      <c r="BD63" s="1053"/>
      <c r="BE63" s="996"/>
      <c r="BF63" s="996"/>
      <c r="BG63" s="996"/>
      <c r="BH63" s="996"/>
      <c r="BI63" s="997"/>
      <c r="BJ63" s="1054" t="s">
        <v>412</v>
      </c>
      <c r="BK63" s="989"/>
      <c r="BL63" s="989"/>
      <c r="BM63" s="989"/>
      <c r="BN63" s="1055"/>
      <c r="BO63" s="241"/>
      <c r="BP63" s="241"/>
      <c r="BQ63" s="238">
        <v>57</v>
      </c>
      <c r="BR63" s="239"/>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30"/>
    </row>
    <row r="65" spans="1:131" ht="26.25" customHeight="1" thickBot="1" x14ac:dyDescent="0.25">
      <c r="A65" s="232" t="s">
        <v>413</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30"/>
    </row>
    <row r="66" spans="1:131" ht="26.25" customHeight="1" x14ac:dyDescent="0.2">
      <c r="A66" s="1031" t="s">
        <v>414</v>
      </c>
      <c r="B66" s="1032"/>
      <c r="C66" s="1032"/>
      <c r="D66" s="1032"/>
      <c r="E66" s="1032"/>
      <c r="F66" s="1032"/>
      <c r="G66" s="1032"/>
      <c r="H66" s="1032"/>
      <c r="I66" s="1032"/>
      <c r="J66" s="1032"/>
      <c r="K66" s="1032"/>
      <c r="L66" s="1032"/>
      <c r="M66" s="1032"/>
      <c r="N66" s="1032"/>
      <c r="O66" s="1032"/>
      <c r="P66" s="1033"/>
      <c r="Q66" s="1037" t="s">
        <v>397</v>
      </c>
      <c r="R66" s="1038"/>
      <c r="S66" s="1038"/>
      <c r="T66" s="1038"/>
      <c r="U66" s="1039"/>
      <c r="V66" s="1037" t="s">
        <v>398</v>
      </c>
      <c r="W66" s="1038"/>
      <c r="X66" s="1038"/>
      <c r="Y66" s="1038"/>
      <c r="Z66" s="1039"/>
      <c r="AA66" s="1037" t="s">
        <v>415</v>
      </c>
      <c r="AB66" s="1038"/>
      <c r="AC66" s="1038"/>
      <c r="AD66" s="1038"/>
      <c r="AE66" s="1039"/>
      <c r="AF66" s="1043" t="s">
        <v>416</v>
      </c>
      <c r="AG66" s="1044"/>
      <c r="AH66" s="1044"/>
      <c r="AI66" s="1044"/>
      <c r="AJ66" s="1045"/>
      <c r="AK66" s="1037" t="s">
        <v>401</v>
      </c>
      <c r="AL66" s="1032"/>
      <c r="AM66" s="1032"/>
      <c r="AN66" s="1032"/>
      <c r="AO66" s="1033"/>
      <c r="AP66" s="1037" t="s">
        <v>417</v>
      </c>
      <c r="AQ66" s="1038"/>
      <c r="AR66" s="1038"/>
      <c r="AS66" s="1038"/>
      <c r="AT66" s="1039"/>
      <c r="AU66" s="1037" t="s">
        <v>418</v>
      </c>
      <c r="AV66" s="1038"/>
      <c r="AW66" s="1038"/>
      <c r="AX66" s="1038"/>
      <c r="AY66" s="1039"/>
      <c r="AZ66" s="1037" t="s">
        <v>380</v>
      </c>
      <c r="BA66" s="1038"/>
      <c r="BB66" s="1038"/>
      <c r="BC66" s="1038"/>
      <c r="BD66" s="1051"/>
      <c r="BE66" s="241"/>
      <c r="BF66" s="241"/>
      <c r="BG66" s="241"/>
      <c r="BH66" s="241"/>
      <c r="BI66" s="241"/>
      <c r="BJ66" s="241"/>
      <c r="BK66" s="241"/>
      <c r="BL66" s="241"/>
      <c r="BM66" s="241"/>
      <c r="BN66" s="241"/>
      <c r="BO66" s="241"/>
      <c r="BP66" s="241"/>
      <c r="BQ66" s="238">
        <v>60</v>
      </c>
      <c r="BR66" s="243"/>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30"/>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41"/>
      <c r="BF67" s="241"/>
      <c r="BG67" s="241"/>
      <c r="BH67" s="241"/>
      <c r="BI67" s="241"/>
      <c r="BJ67" s="241"/>
      <c r="BK67" s="241"/>
      <c r="BL67" s="241"/>
      <c r="BM67" s="241"/>
      <c r="BN67" s="241"/>
      <c r="BO67" s="241"/>
      <c r="BP67" s="241"/>
      <c r="BQ67" s="238">
        <v>61</v>
      </c>
      <c r="BR67" s="243"/>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30"/>
    </row>
    <row r="68" spans="1:131" ht="26.25" customHeight="1" thickTop="1" x14ac:dyDescent="0.2">
      <c r="A68" s="236">
        <v>1</v>
      </c>
      <c r="B68" s="1021" t="s">
        <v>585</v>
      </c>
      <c r="C68" s="1022"/>
      <c r="D68" s="1022"/>
      <c r="E68" s="1022"/>
      <c r="F68" s="1022"/>
      <c r="G68" s="1022"/>
      <c r="H68" s="1022"/>
      <c r="I68" s="1022"/>
      <c r="J68" s="1022"/>
      <c r="K68" s="1022"/>
      <c r="L68" s="1022"/>
      <c r="M68" s="1022"/>
      <c r="N68" s="1022"/>
      <c r="O68" s="1022"/>
      <c r="P68" s="1023"/>
      <c r="Q68" s="1024">
        <v>3303</v>
      </c>
      <c r="R68" s="1018"/>
      <c r="S68" s="1018"/>
      <c r="T68" s="1018"/>
      <c r="U68" s="1018"/>
      <c r="V68" s="1018">
        <v>3104</v>
      </c>
      <c r="W68" s="1018"/>
      <c r="X68" s="1018"/>
      <c r="Y68" s="1018"/>
      <c r="Z68" s="1018"/>
      <c r="AA68" s="1018">
        <v>199</v>
      </c>
      <c r="AB68" s="1018"/>
      <c r="AC68" s="1018"/>
      <c r="AD68" s="1018"/>
      <c r="AE68" s="1018"/>
      <c r="AF68" s="1018">
        <v>199</v>
      </c>
      <c r="AG68" s="1018"/>
      <c r="AH68" s="1018"/>
      <c r="AI68" s="1018"/>
      <c r="AJ68" s="1018"/>
      <c r="AK68" s="1018" t="s">
        <v>525</v>
      </c>
      <c r="AL68" s="1018"/>
      <c r="AM68" s="1018"/>
      <c r="AN68" s="1018"/>
      <c r="AO68" s="1018"/>
      <c r="AP68" s="1018" t="s">
        <v>525</v>
      </c>
      <c r="AQ68" s="1018"/>
      <c r="AR68" s="1018"/>
      <c r="AS68" s="1018"/>
      <c r="AT68" s="1018"/>
      <c r="AU68" s="1018" t="s">
        <v>525</v>
      </c>
      <c r="AV68" s="1018"/>
      <c r="AW68" s="1018"/>
      <c r="AX68" s="1018"/>
      <c r="AY68" s="1018"/>
      <c r="AZ68" s="1019"/>
      <c r="BA68" s="1019"/>
      <c r="BB68" s="1019"/>
      <c r="BC68" s="1019"/>
      <c r="BD68" s="1020"/>
      <c r="BE68" s="241"/>
      <c r="BF68" s="241"/>
      <c r="BG68" s="241"/>
      <c r="BH68" s="241"/>
      <c r="BI68" s="241"/>
      <c r="BJ68" s="241"/>
      <c r="BK68" s="241"/>
      <c r="BL68" s="241"/>
      <c r="BM68" s="241"/>
      <c r="BN68" s="241"/>
      <c r="BO68" s="241"/>
      <c r="BP68" s="241"/>
      <c r="BQ68" s="238">
        <v>62</v>
      </c>
      <c r="BR68" s="243"/>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30"/>
    </row>
    <row r="69" spans="1:131" ht="26.25" customHeight="1" x14ac:dyDescent="0.2">
      <c r="A69" s="238">
        <v>2</v>
      </c>
      <c r="B69" s="1010" t="s">
        <v>586</v>
      </c>
      <c r="C69" s="1011"/>
      <c r="D69" s="1011"/>
      <c r="E69" s="1011"/>
      <c r="F69" s="1011"/>
      <c r="G69" s="1011"/>
      <c r="H69" s="1011"/>
      <c r="I69" s="1011"/>
      <c r="J69" s="1011"/>
      <c r="K69" s="1011"/>
      <c r="L69" s="1011"/>
      <c r="M69" s="1011"/>
      <c r="N69" s="1011"/>
      <c r="O69" s="1011"/>
      <c r="P69" s="1012"/>
      <c r="Q69" s="1013">
        <v>1142</v>
      </c>
      <c r="R69" s="1007"/>
      <c r="S69" s="1007"/>
      <c r="T69" s="1007"/>
      <c r="U69" s="1007"/>
      <c r="V69" s="1007">
        <v>1103</v>
      </c>
      <c r="W69" s="1007"/>
      <c r="X69" s="1007"/>
      <c r="Y69" s="1007"/>
      <c r="Z69" s="1007"/>
      <c r="AA69" s="1007">
        <v>38</v>
      </c>
      <c r="AB69" s="1007"/>
      <c r="AC69" s="1007"/>
      <c r="AD69" s="1007"/>
      <c r="AE69" s="1007"/>
      <c r="AF69" s="1007">
        <v>38</v>
      </c>
      <c r="AG69" s="1007"/>
      <c r="AH69" s="1007"/>
      <c r="AI69" s="1007"/>
      <c r="AJ69" s="1007"/>
      <c r="AK69" s="1007" t="s">
        <v>525</v>
      </c>
      <c r="AL69" s="1007"/>
      <c r="AM69" s="1007"/>
      <c r="AN69" s="1007"/>
      <c r="AO69" s="1007"/>
      <c r="AP69" s="1007" t="s">
        <v>525</v>
      </c>
      <c r="AQ69" s="1007"/>
      <c r="AR69" s="1007"/>
      <c r="AS69" s="1007"/>
      <c r="AT69" s="1007"/>
      <c r="AU69" s="1007" t="s">
        <v>525</v>
      </c>
      <c r="AV69" s="1007"/>
      <c r="AW69" s="1007"/>
      <c r="AX69" s="1007"/>
      <c r="AY69" s="1007"/>
      <c r="AZ69" s="1008"/>
      <c r="BA69" s="1008"/>
      <c r="BB69" s="1008"/>
      <c r="BC69" s="1008"/>
      <c r="BD69" s="1009"/>
      <c r="BE69" s="241"/>
      <c r="BF69" s="241"/>
      <c r="BG69" s="241"/>
      <c r="BH69" s="241"/>
      <c r="BI69" s="241"/>
      <c r="BJ69" s="241"/>
      <c r="BK69" s="241"/>
      <c r="BL69" s="241"/>
      <c r="BM69" s="241"/>
      <c r="BN69" s="241"/>
      <c r="BO69" s="241"/>
      <c r="BP69" s="241"/>
      <c r="BQ69" s="238">
        <v>63</v>
      </c>
      <c r="BR69" s="243"/>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30"/>
    </row>
    <row r="70" spans="1:131" ht="26.25" customHeight="1" x14ac:dyDescent="0.2">
      <c r="A70" s="238">
        <v>3</v>
      </c>
      <c r="B70" s="1010" t="s">
        <v>587</v>
      </c>
      <c r="C70" s="1011"/>
      <c r="D70" s="1011"/>
      <c r="E70" s="1011"/>
      <c r="F70" s="1011"/>
      <c r="G70" s="1011"/>
      <c r="H70" s="1011"/>
      <c r="I70" s="1011"/>
      <c r="J70" s="1011"/>
      <c r="K70" s="1011"/>
      <c r="L70" s="1011"/>
      <c r="M70" s="1011"/>
      <c r="N70" s="1011"/>
      <c r="O70" s="1011"/>
      <c r="P70" s="1012"/>
      <c r="Q70" s="1013">
        <v>4957</v>
      </c>
      <c r="R70" s="1007"/>
      <c r="S70" s="1007"/>
      <c r="T70" s="1007"/>
      <c r="U70" s="1007"/>
      <c r="V70" s="1007">
        <v>4411</v>
      </c>
      <c r="W70" s="1007"/>
      <c r="X70" s="1007"/>
      <c r="Y70" s="1007"/>
      <c r="Z70" s="1007"/>
      <c r="AA70" s="1007">
        <v>546</v>
      </c>
      <c r="AB70" s="1007"/>
      <c r="AC70" s="1007"/>
      <c r="AD70" s="1007"/>
      <c r="AE70" s="1007"/>
      <c r="AF70" s="1007">
        <v>546</v>
      </c>
      <c r="AG70" s="1007"/>
      <c r="AH70" s="1007"/>
      <c r="AI70" s="1007"/>
      <c r="AJ70" s="1007"/>
      <c r="AK70" s="1007">
        <v>543</v>
      </c>
      <c r="AL70" s="1007"/>
      <c r="AM70" s="1007"/>
      <c r="AN70" s="1007"/>
      <c r="AO70" s="1007"/>
      <c r="AP70" s="1007" t="s">
        <v>525</v>
      </c>
      <c r="AQ70" s="1007"/>
      <c r="AR70" s="1007"/>
      <c r="AS70" s="1007"/>
      <c r="AT70" s="1007"/>
      <c r="AU70" s="1007" t="s">
        <v>525</v>
      </c>
      <c r="AV70" s="1007"/>
      <c r="AW70" s="1007"/>
      <c r="AX70" s="1007"/>
      <c r="AY70" s="1007"/>
      <c r="AZ70" s="1008"/>
      <c r="BA70" s="1008"/>
      <c r="BB70" s="1008"/>
      <c r="BC70" s="1008"/>
      <c r="BD70" s="1009"/>
      <c r="BE70" s="241"/>
      <c r="BF70" s="241"/>
      <c r="BG70" s="241"/>
      <c r="BH70" s="241"/>
      <c r="BI70" s="241"/>
      <c r="BJ70" s="241"/>
      <c r="BK70" s="241"/>
      <c r="BL70" s="241"/>
      <c r="BM70" s="241"/>
      <c r="BN70" s="241"/>
      <c r="BO70" s="241"/>
      <c r="BP70" s="241"/>
      <c r="BQ70" s="238">
        <v>64</v>
      </c>
      <c r="BR70" s="243"/>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30"/>
    </row>
    <row r="71" spans="1:131" ht="26.25" customHeight="1" x14ac:dyDescent="0.2">
      <c r="A71" s="238">
        <v>4</v>
      </c>
      <c r="B71" s="1010" t="s">
        <v>588</v>
      </c>
      <c r="C71" s="1011"/>
      <c r="D71" s="1011"/>
      <c r="E71" s="1011"/>
      <c r="F71" s="1011"/>
      <c r="G71" s="1011"/>
      <c r="H71" s="1011"/>
      <c r="I71" s="1011"/>
      <c r="J71" s="1011"/>
      <c r="K71" s="1011"/>
      <c r="L71" s="1011"/>
      <c r="M71" s="1011"/>
      <c r="N71" s="1011"/>
      <c r="O71" s="1011"/>
      <c r="P71" s="1012"/>
      <c r="Q71" s="1013">
        <v>1038597</v>
      </c>
      <c r="R71" s="1007"/>
      <c r="S71" s="1007"/>
      <c r="T71" s="1007"/>
      <c r="U71" s="1007"/>
      <c r="V71" s="1007">
        <v>1027785</v>
      </c>
      <c r="W71" s="1007"/>
      <c r="X71" s="1007"/>
      <c r="Y71" s="1007"/>
      <c r="Z71" s="1007"/>
      <c r="AA71" s="1007">
        <v>10811</v>
      </c>
      <c r="AB71" s="1007"/>
      <c r="AC71" s="1007"/>
      <c r="AD71" s="1007"/>
      <c r="AE71" s="1007"/>
      <c r="AF71" s="1007">
        <v>10811</v>
      </c>
      <c r="AG71" s="1007"/>
      <c r="AH71" s="1007"/>
      <c r="AI71" s="1007"/>
      <c r="AJ71" s="1007"/>
      <c r="AK71" s="1007">
        <v>7967</v>
      </c>
      <c r="AL71" s="1007"/>
      <c r="AM71" s="1007"/>
      <c r="AN71" s="1007"/>
      <c r="AO71" s="1007"/>
      <c r="AP71" s="1007" t="s">
        <v>525</v>
      </c>
      <c r="AQ71" s="1007"/>
      <c r="AR71" s="1007"/>
      <c r="AS71" s="1007"/>
      <c r="AT71" s="1007"/>
      <c r="AU71" s="1007" t="s">
        <v>525</v>
      </c>
      <c r="AV71" s="1007"/>
      <c r="AW71" s="1007"/>
      <c r="AX71" s="1007"/>
      <c r="AY71" s="1007"/>
      <c r="AZ71" s="1008"/>
      <c r="BA71" s="1008"/>
      <c r="BB71" s="1008"/>
      <c r="BC71" s="1008"/>
      <c r="BD71" s="1009"/>
      <c r="BE71" s="241"/>
      <c r="BF71" s="241"/>
      <c r="BG71" s="241"/>
      <c r="BH71" s="241"/>
      <c r="BI71" s="241"/>
      <c r="BJ71" s="241"/>
      <c r="BK71" s="241"/>
      <c r="BL71" s="241"/>
      <c r="BM71" s="241"/>
      <c r="BN71" s="241"/>
      <c r="BO71" s="241"/>
      <c r="BP71" s="241"/>
      <c r="BQ71" s="238">
        <v>65</v>
      </c>
      <c r="BR71" s="243"/>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30"/>
    </row>
    <row r="72" spans="1:131" ht="26.25" customHeight="1" x14ac:dyDescent="0.2">
      <c r="A72" s="238">
        <v>5</v>
      </c>
      <c r="B72" s="1010"/>
      <c r="C72" s="1011"/>
      <c r="D72" s="1011"/>
      <c r="E72" s="1011"/>
      <c r="F72" s="1011"/>
      <c r="G72" s="1011"/>
      <c r="H72" s="1011"/>
      <c r="I72" s="1011"/>
      <c r="J72" s="1011"/>
      <c r="K72" s="1011"/>
      <c r="L72" s="1011"/>
      <c r="M72" s="1011"/>
      <c r="N72" s="1011"/>
      <c r="O72" s="1011"/>
      <c r="P72" s="1012"/>
      <c r="Q72" s="1013"/>
      <c r="R72" s="1007"/>
      <c r="S72" s="1007"/>
      <c r="T72" s="1007"/>
      <c r="U72" s="1007"/>
      <c r="V72" s="1007"/>
      <c r="W72" s="1007"/>
      <c r="X72" s="1007"/>
      <c r="Y72" s="1007"/>
      <c r="Z72" s="1007"/>
      <c r="AA72" s="1007"/>
      <c r="AB72" s="1007"/>
      <c r="AC72" s="1007"/>
      <c r="AD72" s="1007"/>
      <c r="AE72" s="1007"/>
      <c r="AF72" s="1007"/>
      <c r="AG72" s="1007"/>
      <c r="AH72" s="1007"/>
      <c r="AI72" s="1007"/>
      <c r="AJ72" s="1007"/>
      <c r="AK72" s="1007"/>
      <c r="AL72" s="1007"/>
      <c r="AM72" s="1007"/>
      <c r="AN72" s="1007"/>
      <c r="AO72" s="1007"/>
      <c r="AP72" s="1007"/>
      <c r="AQ72" s="1007"/>
      <c r="AR72" s="1007"/>
      <c r="AS72" s="1007"/>
      <c r="AT72" s="1007"/>
      <c r="AU72" s="1007"/>
      <c r="AV72" s="1007"/>
      <c r="AW72" s="1007"/>
      <c r="AX72" s="1007"/>
      <c r="AY72" s="1007"/>
      <c r="AZ72" s="1008"/>
      <c r="BA72" s="1008"/>
      <c r="BB72" s="1008"/>
      <c r="BC72" s="1008"/>
      <c r="BD72" s="1009"/>
      <c r="BE72" s="241"/>
      <c r="BF72" s="241"/>
      <c r="BG72" s="241"/>
      <c r="BH72" s="241"/>
      <c r="BI72" s="241"/>
      <c r="BJ72" s="241"/>
      <c r="BK72" s="241"/>
      <c r="BL72" s="241"/>
      <c r="BM72" s="241"/>
      <c r="BN72" s="241"/>
      <c r="BO72" s="241"/>
      <c r="BP72" s="241"/>
      <c r="BQ72" s="238">
        <v>66</v>
      </c>
      <c r="BR72" s="243"/>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30"/>
    </row>
    <row r="73" spans="1:131" ht="26.25" customHeight="1" x14ac:dyDescent="0.2">
      <c r="A73" s="238">
        <v>6</v>
      </c>
      <c r="B73" s="1010"/>
      <c r="C73" s="1011"/>
      <c r="D73" s="1011"/>
      <c r="E73" s="1011"/>
      <c r="F73" s="1011"/>
      <c r="G73" s="1011"/>
      <c r="H73" s="1011"/>
      <c r="I73" s="1011"/>
      <c r="J73" s="1011"/>
      <c r="K73" s="1011"/>
      <c r="L73" s="1011"/>
      <c r="M73" s="1011"/>
      <c r="N73" s="1011"/>
      <c r="O73" s="1011"/>
      <c r="P73" s="1012"/>
      <c r="Q73" s="1013"/>
      <c r="R73" s="1007"/>
      <c r="S73" s="1007"/>
      <c r="T73" s="1007"/>
      <c r="U73" s="1007"/>
      <c r="V73" s="1007"/>
      <c r="W73" s="1007"/>
      <c r="X73" s="1007"/>
      <c r="Y73" s="1007"/>
      <c r="Z73" s="1007"/>
      <c r="AA73" s="1007"/>
      <c r="AB73" s="1007"/>
      <c r="AC73" s="1007"/>
      <c r="AD73" s="1007"/>
      <c r="AE73" s="1007"/>
      <c r="AF73" s="1007"/>
      <c r="AG73" s="1007"/>
      <c r="AH73" s="1007"/>
      <c r="AI73" s="1007"/>
      <c r="AJ73" s="1007"/>
      <c r="AK73" s="1007"/>
      <c r="AL73" s="1007"/>
      <c r="AM73" s="1007"/>
      <c r="AN73" s="1007"/>
      <c r="AO73" s="1007"/>
      <c r="AP73" s="1007"/>
      <c r="AQ73" s="1007"/>
      <c r="AR73" s="1007"/>
      <c r="AS73" s="1007"/>
      <c r="AT73" s="1007"/>
      <c r="AU73" s="1007"/>
      <c r="AV73" s="1007"/>
      <c r="AW73" s="1007"/>
      <c r="AX73" s="1007"/>
      <c r="AY73" s="1007"/>
      <c r="AZ73" s="1008"/>
      <c r="BA73" s="1008"/>
      <c r="BB73" s="1008"/>
      <c r="BC73" s="1008"/>
      <c r="BD73" s="1009"/>
      <c r="BE73" s="241"/>
      <c r="BF73" s="241"/>
      <c r="BG73" s="241"/>
      <c r="BH73" s="241"/>
      <c r="BI73" s="241"/>
      <c r="BJ73" s="241"/>
      <c r="BK73" s="241"/>
      <c r="BL73" s="241"/>
      <c r="BM73" s="241"/>
      <c r="BN73" s="241"/>
      <c r="BO73" s="241"/>
      <c r="BP73" s="241"/>
      <c r="BQ73" s="238">
        <v>67</v>
      </c>
      <c r="BR73" s="243"/>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30"/>
    </row>
    <row r="74" spans="1:131" ht="26.25" customHeight="1" x14ac:dyDescent="0.2">
      <c r="A74" s="238">
        <v>7</v>
      </c>
      <c r="B74" s="1010"/>
      <c r="C74" s="1011"/>
      <c r="D74" s="1011"/>
      <c r="E74" s="1011"/>
      <c r="F74" s="1011"/>
      <c r="G74" s="1011"/>
      <c r="H74" s="1011"/>
      <c r="I74" s="1011"/>
      <c r="J74" s="1011"/>
      <c r="K74" s="1011"/>
      <c r="L74" s="1011"/>
      <c r="M74" s="1011"/>
      <c r="N74" s="1011"/>
      <c r="O74" s="1011"/>
      <c r="P74" s="1012"/>
      <c r="Q74" s="1013"/>
      <c r="R74" s="1007"/>
      <c r="S74" s="1007"/>
      <c r="T74" s="1007"/>
      <c r="U74" s="1007"/>
      <c r="V74" s="1007"/>
      <c r="W74" s="1007"/>
      <c r="X74" s="1007"/>
      <c r="Y74" s="1007"/>
      <c r="Z74" s="1007"/>
      <c r="AA74" s="1007"/>
      <c r="AB74" s="1007"/>
      <c r="AC74" s="1007"/>
      <c r="AD74" s="1007"/>
      <c r="AE74" s="1007"/>
      <c r="AF74" s="1007"/>
      <c r="AG74" s="1007"/>
      <c r="AH74" s="1007"/>
      <c r="AI74" s="1007"/>
      <c r="AJ74" s="1007"/>
      <c r="AK74" s="1007"/>
      <c r="AL74" s="1007"/>
      <c r="AM74" s="1007"/>
      <c r="AN74" s="1007"/>
      <c r="AO74" s="1007"/>
      <c r="AP74" s="1007"/>
      <c r="AQ74" s="1007"/>
      <c r="AR74" s="1007"/>
      <c r="AS74" s="1007"/>
      <c r="AT74" s="1007"/>
      <c r="AU74" s="1007"/>
      <c r="AV74" s="1007"/>
      <c r="AW74" s="1007"/>
      <c r="AX74" s="1007"/>
      <c r="AY74" s="1007"/>
      <c r="AZ74" s="1008"/>
      <c r="BA74" s="1008"/>
      <c r="BB74" s="1008"/>
      <c r="BC74" s="1008"/>
      <c r="BD74" s="1009"/>
      <c r="BE74" s="241"/>
      <c r="BF74" s="241"/>
      <c r="BG74" s="241"/>
      <c r="BH74" s="241"/>
      <c r="BI74" s="241"/>
      <c r="BJ74" s="241"/>
      <c r="BK74" s="241"/>
      <c r="BL74" s="241"/>
      <c r="BM74" s="241"/>
      <c r="BN74" s="241"/>
      <c r="BO74" s="241"/>
      <c r="BP74" s="241"/>
      <c r="BQ74" s="238">
        <v>68</v>
      </c>
      <c r="BR74" s="243"/>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30"/>
    </row>
    <row r="75" spans="1:131" ht="26.25" customHeight="1" x14ac:dyDescent="0.2">
      <c r="A75" s="238">
        <v>8</v>
      </c>
      <c r="B75" s="1010"/>
      <c r="C75" s="1011"/>
      <c r="D75" s="1011"/>
      <c r="E75" s="1011"/>
      <c r="F75" s="1011"/>
      <c r="G75" s="1011"/>
      <c r="H75" s="1011"/>
      <c r="I75" s="1011"/>
      <c r="J75" s="1011"/>
      <c r="K75" s="1011"/>
      <c r="L75" s="1011"/>
      <c r="M75" s="1011"/>
      <c r="N75" s="1011"/>
      <c r="O75" s="1011"/>
      <c r="P75" s="1012"/>
      <c r="Q75" s="1014"/>
      <c r="R75" s="1015"/>
      <c r="S75" s="1015"/>
      <c r="T75" s="1015"/>
      <c r="U75" s="1016"/>
      <c r="V75" s="1017"/>
      <c r="W75" s="1015"/>
      <c r="X75" s="1015"/>
      <c r="Y75" s="1015"/>
      <c r="Z75" s="1016"/>
      <c r="AA75" s="1017"/>
      <c r="AB75" s="1015"/>
      <c r="AC75" s="1015"/>
      <c r="AD75" s="1015"/>
      <c r="AE75" s="1016"/>
      <c r="AF75" s="1017"/>
      <c r="AG75" s="1015"/>
      <c r="AH75" s="1015"/>
      <c r="AI75" s="1015"/>
      <c r="AJ75" s="1016"/>
      <c r="AK75" s="1017"/>
      <c r="AL75" s="1015"/>
      <c r="AM75" s="1015"/>
      <c r="AN75" s="1015"/>
      <c r="AO75" s="1016"/>
      <c r="AP75" s="1017"/>
      <c r="AQ75" s="1015"/>
      <c r="AR75" s="1015"/>
      <c r="AS75" s="1015"/>
      <c r="AT75" s="1016"/>
      <c r="AU75" s="1017"/>
      <c r="AV75" s="1015"/>
      <c r="AW75" s="1015"/>
      <c r="AX75" s="1015"/>
      <c r="AY75" s="1016"/>
      <c r="AZ75" s="1008"/>
      <c r="BA75" s="1008"/>
      <c r="BB75" s="1008"/>
      <c r="BC75" s="1008"/>
      <c r="BD75" s="1009"/>
      <c r="BE75" s="241"/>
      <c r="BF75" s="241"/>
      <c r="BG75" s="241"/>
      <c r="BH75" s="241"/>
      <c r="BI75" s="241"/>
      <c r="BJ75" s="241"/>
      <c r="BK75" s="241"/>
      <c r="BL75" s="241"/>
      <c r="BM75" s="241"/>
      <c r="BN75" s="241"/>
      <c r="BO75" s="241"/>
      <c r="BP75" s="241"/>
      <c r="BQ75" s="238">
        <v>69</v>
      </c>
      <c r="BR75" s="243"/>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30"/>
    </row>
    <row r="76" spans="1:131" ht="26.25" customHeight="1" x14ac:dyDescent="0.2">
      <c r="A76" s="238">
        <v>9</v>
      </c>
      <c r="B76" s="1010"/>
      <c r="C76" s="1011"/>
      <c r="D76" s="1011"/>
      <c r="E76" s="1011"/>
      <c r="F76" s="1011"/>
      <c r="G76" s="1011"/>
      <c r="H76" s="1011"/>
      <c r="I76" s="1011"/>
      <c r="J76" s="1011"/>
      <c r="K76" s="1011"/>
      <c r="L76" s="1011"/>
      <c r="M76" s="1011"/>
      <c r="N76" s="1011"/>
      <c r="O76" s="1011"/>
      <c r="P76" s="1012"/>
      <c r="Q76" s="1014"/>
      <c r="R76" s="1015"/>
      <c r="S76" s="1015"/>
      <c r="T76" s="1015"/>
      <c r="U76" s="1016"/>
      <c r="V76" s="1017"/>
      <c r="W76" s="1015"/>
      <c r="X76" s="1015"/>
      <c r="Y76" s="1015"/>
      <c r="Z76" s="1016"/>
      <c r="AA76" s="1017"/>
      <c r="AB76" s="1015"/>
      <c r="AC76" s="1015"/>
      <c r="AD76" s="1015"/>
      <c r="AE76" s="1016"/>
      <c r="AF76" s="1017"/>
      <c r="AG76" s="1015"/>
      <c r="AH76" s="1015"/>
      <c r="AI76" s="1015"/>
      <c r="AJ76" s="1016"/>
      <c r="AK76" s="1017"/>
      <c r="AL76" s="1015"/>
      <c r="AM76" s="1015"/>
      <c r="AN76" s="1015"/>
      <c r="AO76" s="1016"/>
      <c r="AP76" s="1017"/>
      <c r="AQ76" s="1015"/>
      <c r="AR76" s="1015"/>
      <c r="AS76" s="1015"/>
      <c r="AT76" s="1016"/>
      <c r="AU76" s="1017"/>
      <c r="AV76" s="1015"/>
      <c r="AW76" s="1015"/>
      <c r="AX76" s="1015"/>
      <c r="AY76" s="1016"/>
      <c r="AZ76" s="1008"/>
      <c r="BA76" s="1008"/>
      <c r="BB76" s="1008"/>
      <c r="BC76" s="1008"/>
      <c r="BD76" s="1009"/>
      <c r="BE76" s="241"/>
      <c r="BF76" s="241"/>
      <c r="BG76" s="241"/>
      <c r="BH76" s="241"/>
      <c r="BI76" s="241"/>
      <c r="BJ76" s="241"/>
      <c r="BK76" s="241"/>
      <c r="BL76" s="241"/>
      <c r="BM76" s="241"/>
      <c r="BN76" s="241"/>
      <c r="BO76" s="241"/>
      <c r="BP76" s="241"/>
      <c r="BQ76" s="238">
        <v>70</v>
      </c>
      <c r="BR76" s="243"/>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30"/>
    </row>
    <row r="77" spans="1:131" ht="26.25" customHeight="1" x14ac:dyDescent="0.2">
      <c r="A77" s="238">
        <v>10</v>
      </c>
      <c r="B77" s="1010"/>
      <c r="C77" s="1011"/>
      <c r="D77" s="1011"/>
      <c r="E77" s="1011"/>
      <c r="F77" s="1011"/>
      <c r="G77" s="1011"/>
      <c r="H77" s="1011"/>
      <c r="I77" s="1011"/>
      <c r="J77" s="1011"/>
      <c r="K77" s="1011"/>
      <c r="L77" s="1011"/>
      <c r="M77" s="1011"/>
      <c r="N77" s="1011"/>
      <c r="O77" s="1011"/>
      <c r="P77" s="1012"/>
      <c r="Q77" s="1014"/>
      <c r="R77" s="1015"/>
      <c r="S77" s="1015"/>
      <c r="T77" s="1015"/>
      <c r="U77" s="1016"/>
      <c r="V77" s="1017"/>
      <c r="W77" s="1015"/>
      <c r="X77" s="1015"/>
      <c r="Y77" s="1015"/>
      <c r="Z77" s="1016"/>
      <c r="AA77" s="1017"/>
      <c r="AB77" s="1015"/>
      <c r="AC77" s="1015"/>
      <c r="AD77" s="1015"/>
      <c r="AE77" s="1016"/>
      <c r="AF77" s="1017"/>
      <c r="AG77" s="1015"/>
      <c r="AH77" s="1015"/>
      <c r="AI77" s="1015"/>
      <c r="AJ77" s="1016"/>
      <c r="AK77" s="1017"/>
      <c r="AL77" s="1015"/>
      <c r="AM77" s="1015"/>
      <c r="AN77" s="1015"/>
      <c r="AO77" s="1016"/>
      <c r="AP77" s="1017"/>
      <c r="AQ77" s="1015"/>
      <c r="AR77" s="1015"/>
      <c r="AS77" s="1015"/>
      <c r="AT77" s="1016"/>
      <c r="AU77" s="1017"/>
      <c r="AV77" s="1015"/>
      <c r="AW77" s="1015"/>
      <c r="AX77" s="1015"/>
      <c r="AY77" s="1016"/>
      <c r="AZ77" s="1008"/>
      <c r="BA77" s="1008"/>
      <c r="BB77" s="1008"/>
      <c r="BC77" s="1008"/>
      <c r="BD77" s="1009"/>
      <c r="BE77" s="241"/>
      <c r="BF77" s="241"/>
      <c r="BG77" s="241"/>
      <c r="BH77" s="241"/>
      <c r="BI77" s="241"/>
      <c r="BJ77" s="241"/>
      <c r="BK77" s="241"/>
      <c r="BL77" s="241"/>
      <c r="BM77" s="241"/>
      <c r="BN77" s="241"/>
      <c r="BO77" s="241"/>
      <c r="BP77" s="241"/>
      <c r="BQ77" s="238">
        <v>71</v>
      </c>
      <c r="BR77" s="243"/>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30"/>
    </row>
    <row r="78" spans="1:131" ht="26.25" customHeight="1" x14ac:dyDescent="0.2">
      <c r="A78" s="238">
        <v>11</v>
      </c>
      <c r="B78" s="1010"/>
      <c r="C78" s="1011"/>
      <c r="D78" s="1011"/>
      <c r="E78" s="1011"/>
      <c r="F78" s="1011"/>
      <c r="G78" s="1011"/>
      <c r="H78" s="1011"/>
      <c r="I78" s="1011"/>
      <c r="J78" s="1011"/>
      <c r="K78" s="1011"/>
      <c r="L78" s="1011"/>
      <c r="M78" s="1011"/>
      <c r="N78" s="1011"/>
      <c r="O78" s="1011"/>
      <c r="P78" s="1012"/>
      <c r="Q78" s="1013"/>
      <c r="R78" s="1007"/>
      <c r="S78" s="1007"/>
      <c r="T78" s="1007"/>
      <c r="U78" s="1007"/>
      <c r="V78" s="1007"/>
      <c r="W78" s="1007"/>
      <c r="X78" s="1007"/>
      <c r="Y78" s="1007"/>
      <c r="Z78" s="1007"/>
      <c r="AA78" s="1007"/>
      <c r="AB78" s="1007"/>
      <c r="AC78" s="1007"/>
      <c r="AD78" s="1007"/>
      <c r="AE78" s="1007"/>
      <c r="AF78" s="1007"/>
      <c r="AG78" s="1007"/>
      <c r="AH78" s="1007"/>
      <c r="AI78" s="1007"/>
      <c r="AJ78" s="1007"/>
      <c r="AK78" s="1007"/>
      <c r="AL78" s="1007"/>
      <c r="AM78" s="1007"/>
      <c r="AN78" s="1007"/>
      <c r="AO78" s="1007"/>
      <c r="AP78" s="1007"/>
      <c r="AQ78" s="1007"/>
      <c r="AR78" s="1007"/>
      <c r="AS78" s="1007"/>
      <c r="AT78" s="1007"/>
      <c r="AU78" s="1007"/>
      <c r="AV78" s="1007"/>
      <c r="AW78" s="1007"/>
      <c r="AX78" s="1007"/>
      <c r="AY78" s="1007"/>
      <c r="AZ78" s="1008"/>
      <c r="BA78" s="1008"/>
      <c r="BB78" s="1008"/>
      <c r="BC78" s="1008"/>
      <c r="BD78" s="1009"/>
      <c r="BE78" s="241"/>
      <c r="BF78" s="241"/>
      <c r="BG78" s="241"/>
      <c r="BH78" s="241"/>
      <c r="BI78" s="241"/>
      <c r="BJ78" s="230"/>
      <c r="BK78" s="230"/>
      <c r="BL78" s="230"/>
      <c r="BM78" s="230"/>
      <c r="BN78" s="230"/>
      <c r="BO78" s="241"/>
      <c r="BP78" s="241"/>
      <c r="BQ78" s="238">
        <v>72</v>
      </c>
      <c r="BR78" s="243"/>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30"/>
    </row>
    <row r="79" spans="1:131" ht="26.25" customHeight="1" x14ac:dyDescent="0.2">
      <c r="A79" s="238">
        <v>12</v>
      </c>
      <c r="B79" s="1010"/>
      <c r="C79" s="1011"/>
      <c r="D79" s="1011"/>
      <c r="E79" s="1011"/>
      <c r="F79" s="1011"/>
      <c r="G79" s="1011"/>
      <c r="H79" s="1011"/>
      <c r="I79" s="1011"/>
      <c r="J79" s="1011"/>
      <c r="K79" s="1011"/>
      <c r="L79" s="1011"/>
      <c r="M79" s="1011"/>
      <c r="N79" s="1011"/>
      <c r="O79" s="1011"/>
      <c r="P79" s="1012"/>
      <c r="Q79" s="1013"/>
      <c r="R79" s="1007"/>
      <c r="S79" s="1007"/>
      <c r="T79" s="1007"/>
      <c r="U79" s="1007"/>
      <c r="V79" s="1007"/>
      <c r="W79" s="1007"/>
      <c r="X79" s="1007"/>
      <c r="Y79" s="1007"/>
      <c r="Z79" s="1007"/>
      <c r="AA79" s="1007"/>
      <c r="AB79" s="1007"/>
      <c r="AC79" s="1007"/>
      <c r="AD79" s="1007"/>
      <c r="AE79" s="1007"/>
      <c r="AF79" s="1007"/>
      <c r="AG79" s="1007"/>
      <c r="AH79" s="1007"/>
      <c r="AI79" s="1007"/>
      <c r="AJ79" s="1007"/>
      <c r="AK79" s="1007"/>
      <c r="AL79" s="1007"/>
      <c r="AM79" s="1007"/>
      <c r="AN79" s="1007"/>
      <c r="AO79" s="1007"/>
      <c r="AP79" s="1007"/>
      <c r="AQ79" s="1007"/>
      <c r="AR79" s="1007"/>
      <c r="AS79" s="1007"/>
      <c r="AT79" s="1007"/>
      <c r="AU79" s="1007"/>
      <c r="AV79" s="1007"/>
      <c r="AW79" s="1007"/>
      <c r="AX79" s="1007"/>
      <c r="AY79" s="1007"/>
      <c r="AZ79" s="1008"/>
      <c r="BA79" s="1008"/>
      <c r="BB79" s="1008"/>
      <c r="BC79" s="1008"/>
      <c r="BD79" s="1009"/>
      <c r="BE79" s="241"/>
      <c r="BF79" s="241"/>
      <c r="BG79" s="241"/>
      <c r="BH79" s="241"/>
      <c r="BI79" s="241"/>
      <c r="BJ79" s="230"/>
      <c r="BK79" s="230"/>
      <c r="BL79" s="230"/>
      <c r="BM79" s="230"/>
      <c r="BN79" s="230"/>
      <c r="BO79" s="241"/>
      <c r="BP79" s="241"/>
      <c r="BQ79" s="238">
        <v>73</v>
      </c>
      <c r="BR79" s="243"/>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30"/>
    </row>
    <row r="80" spans="1:131" ht="26.25" customHeight="1" x14ac:dyDescent="0.2">
      <c r="A80" s="238">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41"/>
      <c r="BF80" s="241"/>
      <c r="BG80" s="241"/>
      <c r="BH80" s="241"/>
      <c r="BI80" s="241"/>
      <c r="BJ80" s="241"/>
      <c r="BK80" s="241"/>
      <c r="BL80" s="241"/>
      <c r="BM80" s="241"/>
      <c r="BN80" s="241"/>
      <c r="BO80" s="241"/>
      <c r="BP80" s="241"/>
      <c r="BQ80" s="238">
        <v>74</v>
      </c>
      <c r="BR80" s="243"/>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30"/>
    </row>
    <row r="81" spans="1:131" ht="26.25" customHeight="1" x14ac:dyDescent="0.2">
      <c r="A81" s="238">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41"/>
      <c r="BF81" s="241"/>
      <c r="BG81" s="241"/>
      <c r="BH81" s="241"/>
      <c r="BI81" s="241"/>
      <c r="BJ81" s="241"/>
      <c r="BK81" s="241"/>
      <c r="BL81" s="241"/>
      <c r="BM81" s="241"/>
      <c r="BN81" s="241"/>
      <c r="BO81" s="241"/>
      <c r="BP81" s="241"/>
      <c r="BQ81" s="238">
        <v>75</v>
      </c>
      <c r="BR81" s="243"/>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30"/>
    </row>
    <row r="82" spans="1:131" ht="26.25" customHeight="1" x14ac:dyDescent="0.2">
      <c r="A82" s="238">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41"/>
      <c r="BF82" s="241"/>
      <c r="BG82" s="241"/>
      <c r="BH82" s="241"/>
      <c r="BI82" s="241"/>
      <c r="BJ82" s="241"/>
      <c r="BK82" s="241"/>
      <c r="BL82" s="241"/>
      <c r="BM82" s="241"/>
      <c r="BN82" s="241"/>
      <c r="BO82" s="241"/>
      <c r="BP82" s="241"/>
      <c r="BQ82" s="238">
        <v>76</v>
      </c>
      <c r="BR82" s="243"/>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30"/>
    </row>
    <row r="83" spans="1:131" ht="26.25" customHeight="1" x14ac:dyDescent="0.2">
      <c r="A83" s="238">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41"/>
      <c r="BF83" s="241"/>
      <c r="BG83" s="241"/>
      <c r="BH83" s="241"/>
      <c r="BI83" s="241"/>
      <c r="BJ83" s="241"/>
      <c r="BK83" s="241"/>
      <c r="BL83" s="241"/>
      <c r="BM83" s="241"/>
      <c r="BN83" s="241"/>
      <c r="BO83" s="241"/>
      <c r="BP83" s="241"/>
      <c r="BQ83" s="238">
        <v>77</v>
      </c>
      <c r="BR83" s="243"/>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30"/>
    </row>
    <row r="84" spans="1:131" ht="26.25" customHeight="1" x14ac:dyDescent="0.2">
      <c r="A84" s="238">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41"/>
      <c r="BF84" s="241"/>
      <c r="BG84" s="241"/>
      <c r="BH84" s="241"/>
      <c r="BI84" s="241"/>
      <c r="BJ84" s="241"/>
      <c r="BK84" s="241"/>
      <c r="BL84" s="241"/>
      <c r="BM84" s="241"/>
      <c r="BN84" s="241"/>
      <c r="BO84" s="241"/>
      <c r="BP84" s="241"/>
      <c r="BQ84" s="238">
        <v>78</v>
      </c>
      <c r="BR84" s="243"/>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30"/>
    </row>
    <row r="85" spans="1:131" ht="26.25" customHeight="1" x14ac:dyDescent="0.2">
      <c r="A85" s="238">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41"/>
      <c r="BF85" s="241"/>
      <c r="BG85" s="241"/>
      <c r="BH85" s="241"/>
      <c r="BI85" s="241"/>
      <c r="BJ85" s="241"/>
      <c r="BK85" s="241"/>
      <c r="BL85" s="241"/>
      <c r="BM85" s="241"/>
      <c r="BN85" s="241"/>
      <c r="BO85" s="241"/>
      <c r="BP85" s="241"/>
      <c r="BQ85" s="238">
        <v>79</v>
      </c>
      <c r="BR85" s="243"/>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30"/>
    </row>
    <row r="86" spans="1:131" ht="26.25" customHeight="1" x14ac:dyDescent="0.2">
      <c r="A86" s="238">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41"/>
      <c r="BF86" s="241"/>
      <c r="BG86" s="241"/>
      <c r="BH86" s="241"/>
      <c r="BI86" s="241"/>
      <c r="BJ86" s="241"/>
      <c r="BK86" s="241"/>
      <c r="BL86" s="241"/>
      <c r="BM86" s="241"/>
      <c r="BN86" s="241"/>
      <c r="BO86" s="241"/>
      <c r="BP86" s="241"/>
      <c r="BQ86" s="238">
        <v>80</v>
      </c>
      <c r="BR86" s="243"/>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30"/>
    </row>
    <row r="87" spans="1:131" ht="26.25" customHeight="1" x14ac:dyDescent="0.2">
      <c r="A87" s="244">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41"/>
      <c r="BF87" s="241"/>
      <c r="BG87" s="241"/>
      <c r="BH87" s="241"/>
      <c r="BI87" s="241"/>
      <c r="BJ87" s="241"/>
      <c r="BK87" s="241"/>
      <c r="BL87" s="241"/>
      <c r="BM87" s="241"/>
      <c r="BN87" s="241"/>
      <c r="BO87" s="241"/>
      <c r="BP87" s="241"/>
      <c r="BQ87" s="238">
        <v>81</v>
      </c>
      <c r="BR87" s="243"/>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30"/>
    </row>
    <row r="88" spans="1:131" ht="26.25" customHeight="1" thickBot="1" x14ac:dyDescent="0.25">
      <c r="A88" s="240" t="s">
        <v>392</v>
      </c>
      <c r="B88" s="973" t="s">
        <v>419</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v>11594</v>
      </c>
      <c r="AG88" s="995"/>
      <c r="AH88" s="995"/>
      <c r="AI88" s="995"/>
      <c r="AJ88" s="995"/>
      <c r="AK88" s="999"/>
      <c r="AL88" s="999"/>
      <c r="AM88" s="999"/>
      <c r="AN88" s="999"/>
      <c r="AO88" s="999"/>
      <c r="AP88" s="995"/>
      <c r="AQ88" s="995"/>
      <c r="AR88" s="995"/>
      <c r="AS88" s="995"/>
      <c r="AT88" s="995"/>
      <c r="AU88" s="995"/>
      <c r="AV88" s="995"/>
      <c r="AW88" s="995"/>
      <c r="AX88" s="995"/>
      <c r="AY88" s="995"/>
      <c r="AZ88" s="996"/>
      <c r="BA88" s="996"/>
      <c r="BB88" s="996"/>
      <c r="BC88" s="996"/>
      <c r="BD88" s="997"/>
      <c r="BE88" s="241"/>
      <c r="BF88" s="241"/>
      <c r="BG88" s="241"/>
      <c r="BH88" s="241"/>
      <c r="BI88" s="241"/>
      <c r="BJ88" s="241"/>
      <c r="BK88" s="241"/>
      <c r="BL88" s="241"/>
      <c r="BM88" s="241"/>
      <c r="BN88" s="241"/>
      <c r="BO88" s="241"/>
      <c r="BP88" s="241"/>
      <c r="BQ88" s="238">
        <v>82</v>
      </c>
      <c r="BR88" s="243"/>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2</v>
      </c>
      <c r="BR102" s="973" t="s">
        <v>420</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v>1</v>
      </c>
      <c r="CS102" s="989"/>
      <c r="CT102" s="989"/>
      <c r="CU102" s="989"/>
      <c r="CV102" s="990"/>
      <c r="CW102" s="988" t="s">
        <v>525</v>
      </c>
      <c r="CX102" s="989"/>
      <c r="CY102" s="989"/>
      <c r="CZ102" s="989"/>
      <c r="DA102" s="990"/>
      <c r="DB102" s="988" t="s">
        <v>525</v>
      </c>
      <c r="DC102" s="989"/>
      <c r="DD102" s="989"/>
      <c r="DE102" s="989"/>
      <c r="DF102" s="990"/>
      <c r="DG102" s="988" t="s">
        <v>525</v>
      </c>
      <c r="DH102" s="989"/>
      <c r="DI102" s="989"/>
      <c r="DJ102" s="989"/>
      <c r="DK102" s="990"/>
      <c r="DL102" s="988" t="s">
        <v>525</v>
      </c>
      <c r="DM102" s="989"/>
      <c r="DN102" s="989"/>
      <c r="DO102" s="989"/>
      <c r="DP102" s="990"/>
      <c r="DQ102" s="988" t="s">
        <v>525</v>
      </c>
      <c r="DR102" s="989"/>
      <c r="DS102" s="989"/>
      <c r="DT102" s="989"/>
      <c r="DU102" s="990"/>
      <c r="DV102" s="973"/>
      <c r="DW102" s="974"/>
      <c r="DX102" s="974"/>
      <c r="DY102" s="974"/>
      <c r="DZ102" s="975"/>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76" t="s">
        <v>421</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77" t="s">
        <v>422</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78" t="s">
        <v>425</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26</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30" customFormat="1" ht="26.25" customHeight="1" x14ac:dyDescent="0.2">
      <c r="A109" s="931" t="s">
        <v>427</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28</v>
      </c>
      <c r="AB109" s="932"/>
      <c r="AC109" s="932"/>
      <c r="AD109" s="932"/>
      <c r="AE109" s="933"/>
      <c r="AF109" s="934" t="s">
        <v>429</v>
      </c>
      <c r="AG109" s="932"/>
      <c r="AH109" s="932"/>
      <c r="AI109" s="932"/>
      <c r="AJ109" s="933"/>
      <c r="AK109" s="934" t="s">
        <v>310</v>
      </c>
      <c r="AL109" s="932"/>
      <c r="AM109" s="932"/>
      <c r="AN109" s="932"/>
      <c r="AO109" s="933"/>
      <c r="AP109" s="934" t="s">
        <v>430</v>
      </c>
      <c r="AQ109" s="932"/>
      <c r="AR109" s="932"/>
      <c r="AS109" s="932"/>
      <c r="AT109" s="965"/>
      <c r="AU109" s="931" t="s">
        <v>427</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28</v>
      </c>
      <c r="BR109" s="932"/>
      <c r="BS109" s="932"/>
      <c r="BT109" s="932"/>
      <c r="BU109" s="933"/>
      <c r="BV109" s="934" t="s">
        <v>429</v>
      </c>
      <c r="BW109" s="932"/>
      <c r="BX109" s="932"/>
      <c r="BY109" s="932"/>
      <c r="BZ109" s="933"/>
      <c r="CA109" s="934" t="s">
        <v>310</v>
      </c>
      <c r="CB109" s="932"/>
      <c r="CC109" s="932"/>
      <c r="CD109" s="932"/>
      <c r="CE109" s="933"/>
      <c r="CF109" s="972" t="s">
        <v>430</v>
      </c>
      <c r="CG109" s="972"/>
      <c r="CH109" s="972"/>
      <c r="CI109" s="972"/>
      <c r="CJ109" s="972"/>
      <c r="CK109" s="934" t="s">
        <v>431</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28</v>
      </c>
      <c r="DH109" s="932"/>
      <c r="DI109" s="932"/>
      <c r="DJ109" s="932"/>
      <c r="DK109" s="933"/>
      <c r="DL109" s="934" t="s">
        <v>429</v>
      </c>
      <c r="DM109" s="932"/>
      <c r="DN109" s="932"/>
      <c r="DO109" s="932"/>
      <c r="DP109" s="933"/>
      <c r="DQ109" s="934" t="s">
        <v>310</v>
      </c>
      <c r="DR109" s="932"/>
      <c r="DS109" s="932"/>
      <c r="DT109" s="932"/>
      <c r="DU109" s="933"/>
      <c r="DV109" s="934" t="s">
        <v>430</v>
      </c>
      <c r="DW109" s="932"/>
      <c r="DX109" s="932"/>
      <c r="DY109" s="932"/>
      <c r="DZ109" s="965"/>
    </row>
    <row r="110" spans="1:131" s="230" customFormat="1" ht="26.25" customHeight="1" x14ac:dyDescent="0.2">
      <c r="A110" s="843" t="s">
        <v>432</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1032316</v>
      </c>
      <c r="AB110" s="925"/>
      <c r="AC110" s="925"/>
      <c r="AD110" s="925"/>
      <c r="AE110" s="926"/>
      <c r="AF110" s="927">
        <v>1099294</v>
      </c>
      <c r="AG110" s="925"/>
      <c r="AH110" s="925"/>
      <c r="AI110" s="925"/>
      <c r="AJ110" s="926"/>
      <c r="AK110" s="927">
        <v>1082855</v>
      </c>
      <c r="AL110" s="925"/>
      <c r="AM110" s="925"/>
      <c r="AN110" s="925"/>
      <c r="AO110" s="926"/>
      <c r="AP110" s="928">
        <v>11.2</v>
      </c>
      <c r="AQ110" s="929"/>
      <c r="AR110" s="929"/>
      <c r="AS110" s="929"/>
      <c r="AT110" s="930"/>
      <c r="AU110" s="966" t="s">
        <v>75</v>
      </c>
      <c r="AV110" s="967"/>
      <c r="AW110" s="967"/>
      <c r="AX110" s="967"/>
      <c r="AY110" s="967"/>
      <c r="AZ110" s="896" t="s">
        <v>433</v>
      </c>
      <c r="BA110" s="844"/>
      <c r="BB110" s="844"/>
      <c r="BC110" s="844"/>
      <c r="BD110" s="844"/>
      <c r="BE110" s="844"/>
      <c r="BF110" s="844"/>
      <c r="BG110" s="844"/>
      <c r="BH110" s="844"/>
      <c r="BI110" s="844"/>
      <c r="BJ110" s="844"/>
      <c r="BK110" s="844"/>
      <c r="BL110" s="844"/>
      <c r="BM110" s="844"/>
      <c r="BN110" s="844"/>
      <c r="BO110" s="844"/>
      <c r="BP110" s="845"/>
      <c r="BQ110" s="897">
        <v>7523405</v>
      </c>
      <c r="BR110" s="878"/>
      <c r="BS110" s="878"/>
      <c r="BT110" s="878"/>
      <c r="BU110" s="878"/>
      <c r="BV110" s="878">
        <v>6989125</v>
      </c>
      <c r="BW110" s="878"/>
      <c r="BX110" s="878"/>
      <c r="BY110" s="878"/>
      <c r="BZ110" s="878"/>
      <c r="CA110" s="878">
        <v>6858989</v>
      </c>
      <c r="CB110" s="878"/>
      <c r="CC110" s="878"/>
      <c r="CD110" s="878"/>
      <c r="CE110" s="878"/>
      <c r="CF110" s="902">
        <v>71.2</v>
      </c>
      <c r="CG110" s="903"/>
      <c r="CH110" s="903"/>
      <c r="CI110" s="903"/>
      <c r="CJ110" s="903"/>
      <c r="CK110" s="962" t="s">
        <v>434</v>
      </c>
      <c r="CL110" s="855"/>
      <c r="CM110" s="896" t="s">
        <v>435</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t="s">
        <v>436</v>
      </c>
      <c r="DH110" s="878"/>
      <c r="DI110" s="878"/>
      <c r="DJ110" s="878"/>
      <c r="DK110" s="878"/>
      <c r="DL110" s="878" t="s">
        <v>436</v>
      </c>
      <c r="DM110" s="878"/>
      <c r="DN110" s="878"/>
      <c r="DO110" s="878"/>
      <c r="DP110" s="878"/>
      <c r="DQ110" s="878" t="s">
        <v>436</v>
      </c>
      <c r="DR110" s="878"/>
      <c r="DS110" s="878"/>
      <c r="DT110" s="878"/>
      <c r="DU110" s="878"/>
      <c r="DV110" s="879" t="s">
        <v>436</v>
      </c>
      <c r="DW110" s="879"/>
      <c r="DX110" s="879"/>
      <c r="DY110" s="879"/>
      <c r="DZ110" s="880"/>
    </row>
    <row r="111" spans="1:131" s="230" customFormat="1" ht="26.25" customHeight="1" x14ac:dyDescent="0.2">
      <c r="A111" s="810" t="s">
        <v>437</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t="s">
        <v>436</v>
      </c>
      <c r="AB111" s="955"/>
      <c r="AC111" s="955"/>
      <c r="AD111" s="955"/>
      <c r="AE111" s="956"/>
      <c r="AF111" s="957" t="s">
        <v>436</v>
      </c>
      <c r="AG111" s="955"/>
      <c r="AH111" s="955"/>
      <c r="AI111" s="955"/>
      <c r="AJ111" s="956"/>
      <c r="AK111" s="957" t="s">
        <v>436</v>
      </c>
      <c r="AL111" s="955"/>
      <c r="AM111" s="955"/>
      <c r="AN111" s="955"/>
      <c r="AO111" s="956"/>
      <c r="AP111" s="958" t="s">
        <v>436</v>
      </c>
      <c r="AQ111" s="959"/>
      <c r="AR111" s="959"/>
      <c r="AS111" s="959"/>
      <c r="AT111" s="960"/>
      <c r="AU111" s="968"/>
      <c r="AV111" s="969"/>
      <c r="AW111" s="969"/>
      <c r="AX111" s="969"/>
      <c r="AY111" s="969"/>
      <c r="AZ111" s="851" t="s">
        <v>438</v>
      </c>
      <c r="BA111" s="788"/>
      <c r="BB111" s="788"/>
      <c r="BC111" s="788"/>
      <c r="BD111" s="788"/>
      <c r="BE111" s="788"/>
      <c r="BF111" s="788"/>
      <c r="BG111" s="788"/>
      <c r="BH111" s="788"/>
      <c r="BI111" s="788"/>
      <c r="BJ111" s="788"/>
      <c r="BK111" s="788"/>
      <c r="BL111" s="788"/>
      <c r="BM111" s="788"/>
      <c r="BN111" s="788"/>
      <c r="BO111" s="788"/>
      <c r="BP111" s="789"/>
      <c r="BQ111" s="852">
        <v>1013125</v>
      </c>
      <c r="BR111" s="853"/>
      <c r="BS111" s="853"/>
      <c r="BT111" s="853"/>
      <c r="BU111" s="853"/>
      <c r="BV111" s="853">
        <v>918619</v>
      </c>
      <c r="BW111" s="853"/>
      <c r="BX111" s="853"/>
      <c r="BY111" s="853"/>
      <c r="BZ111" s="853"/>
      <c r="CA111" s="853">
        <v>1009667</v>
      </c>
      <c r="CB111" s="853"/>
      <c r="CC111" s="853"/>
      <c r="CD111" s="853"/>
      <c r="CE111" s="853"/>
      <c r="CF111" s="911">
        <v>10.5</v>
      </c>
      <c r="CG111" s="912"/>
      <c r="CH111" s="912"/>
      <c r="CI111" s="912"/>
      <c r="CJ111" s="912"/>
      <c r="CK111" s="963"/>
      <c r="CL111" s="857"/>
      <c r="CM111" s="851" t="s">
        <v>439</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t="s">
        <v>440</v>
      </c>
      <c r="DH111" s="853"/>
      <c r="DI111" s="853"/>
      <c r="DJ111" s="853"/>
      <c r="DK111" s="853"/>
      <c r="DL111" s="853" t="s">
        <v>177</v>
      </c>
      <c r="DM111" s="853"/>
      <c r="DN111" s="853"/>
      <c r="DO111" s="853"/>
      <c r="DP111" s="853"/>
      <c r="DQ111" s="853" t="s">
        <v>441</v>
      </c>
      <c r="DR111" s="853"/>
      <c r="DS111" s="853"/>
      <c r="DT111" s="853"/>
      <c r="DU111" s="853"/>
      <c r="DV111" s="830" t="s">
        <v>442</v>
      </c>
      <c r="DW111" s="830"/>
      <c r="DX111" s="830"/>
      <c r="DY111" s="830"/>
      <c r="DZ111" s="831"/>
    </row>
    <row r="112" spans="1:131" s="230" customFormat="1" ht="26.25" customHeight="1" x14ac:dyDescent="0.2">
      <c r="A112" s="948" t="s">
        <v>443</v>
      </c>
      <c r="B112" s="949"/>
      <c r="C112" s="788" t="s">
        <v>444</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t="s">
        <v>177</v>
      </c>
      <c r="AB112" s="816"/>
      <c r="AC112" s="816"/>
      <c r="AD112" s="816"/>
      <c r="AE112" s="817"/>
      <c r="AF112" s="818" t="s">
        <v>441</v>
      </c>
      <c r="AG112" s="816"/>
      <c r="AH112" s="816"/>
      <c r="AI112" s="816"/>
      <c r="AJ112" s="817"/>
      <c r="AK112" s="818" t="s">
        <v>442</v>
      </c>
      <c r="AL112" s="816"/>
      <c r="AM112" s="816"/>
      <c r="AN112" s="816"/>
      <c r="AO112" s="817"/>
      <c r="AP112" s="860" t="s">
        <v>412</v>
      </c>
      <c r="AQ112" s="861"/>
      <c r="AR112" s="861"/>
      <c r="AS112" s="861"/>
      <c r="AT112" s="862"/>
      <c r="AU112" s="968"/>
      <c r="AV112" s="969"/>
      <c r="AW112" s="969"/>
      <c r="AX112" s="969"/>
      <c r="AY112" s="969"/>
      <c r="AZ112" s="851" t="s">
        <v>445</v>
      </c>
      <c r="BA112" s="788"/>
      <c r="BB112" s="788"/>
      <c r="BC112" s="788"/>
      <c r="BD112" s="788"/>
      <c r="BE112" s="788"/>
      <c r="BF112" s="788"/>
      <c r="BG112" s="788"/>
      <c r="BH112" s="788"/>
      <c r="BI112" s="788"/>
      <c r="BJ112" s="788"/>
      <c r="BK112" s="788"/>
      <c r="BL112" s="788"/>
      <c r="BM112" s="788"/>
      <c r="BN112" s="788"/>
      <c r="BO112" s="788"/>
      <c r="BP112" s="789"/>
      <c r="BQ112" s="852">
        <v>2559147</v>
      </c>
      <c r="BR112" s="853"/>
      <c r="BS112" s="853"/>
      <c r="BT112" s="853"/>
      <c r="BU112" s="853"/>
      <c r="BV112" s="853">
        <v>2488919</v>
      </c>
      <c r="BW112" s="853"/>
      <c r="BX112" s="853"/>
      <c r="BY112" s="853"/>
      <c r="BZ112" s="853"/>
      <c r="CA112" s="853">
        <v>2700501</v>
      </c>
      <c r="CB112" s="853"/>
      <c r="CC112" s="853"/>
      <c r="CD112" s="853"/>
      <c r="CE112" s="853"/>
      <c r="CF112" s="911">
        <v>28</v>
      </c>
      <c r="CG112" s="912"/>
      <c r="CH112" s="912"/>
      <c r="CI112" s="912"/>
      <c r="CJ112" s="912"/>
      <c r="CK112" s="963"/>
      <c r="CL112" s="857"/>
      <c r="CM112" s="851" t="s">
        <v>446</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447</v>
      </c>
      <c r="DH112" s="853"/>
      <c r="DI112" s="853"/>
      <c r="DJ112" s="853"/>
      <c r="DK112" s="853"/>
      <c r="DL112" s="853" t="s">
        <v>177</v>
      </c>
      <c r="DM112" s="853"/>
      <c r="DN112" s="853"/>
      <c r="DO112" s="853"/>
      <c r="DP112" s="853"/>
      <c r="DQ112" s="853" t="s">
        <v>441</v>
      </c>
      <c r="DR112" s="853"/>
      <c r="DS112" s="853"/>
      <c r="DT112" s="853"/>
      <c r="DU112" s="853"/>
      <c r="DV112" s="830" t="s">
        <v>448</v>
      </c>
      <c r="DW112" s="830"/>
      <c r="DX112" s="830"/>
      <c r="DY112" s="830"/>
      <c r="DZ112" s="831"/>
    </row>
    <row r="113" spans="1:130" s="230" customFormat="1" ht="26.25" customHeight="1" x14ac:dyDescent="0.2">
      <c r="A113" s="950"/>
      <c r="B113" s="951"/>
      <c r="C113" s="788" t="s">
        <v>449</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202444</v>
      </c>
      <c r="AB113" s="955"/>
      <c r="AC113" s="955"/>
      <c r="AD113" s="955"/>
      <c r="AE113" s="956"/>
      <c r="AF113" s="957">
        <v>194933</v>
      </c>
      <c r="AG113" s="955"/>
      <c r="AH113" s="955"/>
      <c r="AI113" s="955"/>
      <c r="AJ113" s="956"/>
      <c r="AK113" s="957">
        <v>211622</v>
      </c>
      <c r="AL113" s="955"/>
      <c r="AM113" s="955"/>
      <c r="AN113" s="955"/>
      <c r="AO113" s="956"/>
      <c r="AP113" s="958">
        <v>2.2000000000000002</v>
      </c>
      <c r="AQ113" s="959"/>
      <c r="AR113" s="959"/>
      <c r="AS113" s="959"/>
      <c r="AT113" s="960"/>
      <c r="AU113" s="968"/>
      <c r="AV113" s="969"/>
      <c r="AW113" s="969"/>
      <c r="AX113" s="969"/>
      <c r="AY113" s="969"/>
      <c r="AZ113" s="851" t="s">
        <v>450</v>
      </c>
      <c r="BA113" s="788"/>
      <c r="BB113" s="788"/>
      <c r="BC113" s="788"/>
      <c r="BD113" s="788"/>
      <c r="BE113" s="788"/>
      <c r="BF113" s="788"/>
      <c r="BG113" s="788"/>
      <c r="BH113" s="788"/>
      <c r="BI113" s="788"/>
      <c r="BJ113" s="788"/>
      <c r="BK113" s="788"/>
      <c r="BL113" s="788"/>
      <c r="BM113" s="788"/>
      <c r="BN113" s="788"/>
      <c r="BO113" s="788"/>
      <c r="BP113" s="789"/>
      <c r="BQ113" s="852" t="s">
        <v>451</v>
      </c>
      <c r="BR113" s="853"/>
      <c r="BS113" s="853"/>
      <c r="BT113" s="853"/>
      <c r="BU113" s="853"/>
      <c r="BV113" s="853" t="s">
        <v>412</v>
      </c>
      <c r="BW113" s="853"/>
      <c r="BX113" s="853"/>
      <c r="BY113" s="853"/>
      <c r="BZ113" s="853"/>
      <c r="CA113" s="853" t="s">
        <v>442</v>
      </c>
      <c r="CB113" s="853"/>
      <c r="CC113" s="853"/>
      <c r="CD113" s="853"/>
      <c r="CE113" s="853"/>
      <c r="CF113" s="911" t="s">
        <v>442</v>
      </c>
      <c r="CG113" s="912"/>
      <c r="CH113" s="912"/>
      <c r="CI113" s="912"/>
      <c r="CJ113" s="912"/>
      <c r="CK113" s="963"/>
      <c r="CL113" s="857"/>
      <c r="CM113" s="851" t="s">
        <v>452</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t="s">
        <v>177</v>
      </c>
      <c r="DH113" s="816"/>
      <c r="DI113" s="816"/>
      <c r="DJ113" s="816"/>
      <c r="DK113" s="817"/>
      <c r="DL113" s="818" t="s">
        <v>442</v>
      </c>
      <c r="DM113" s="816"/>
      <c r="DN113" s="816"/>
      <c r="DO113" s="816"/>
      <c r="DP113" s="817"/>
      <c r="DQ113" s="818" t="s">
        <v>412</v>
      </c>
      <c r="DR113" s="816"/>
      <c r="DS113" s="816"/>
      <c r="DT113" s="816"/>
      <c r="DU113" s="817"/>
      <c r="DV113" s="860" t="s">
        <v>448</v>
      </c>
      <c r="DW113" s="861"/>
      <c r="DX113" s="861"/>
      <c r="DY113" s="861"/>
      <c r="DZ113" s="862"/>
    </row>
    <row r="114" spans="1:130" s="230" customFormat="1" ht="26.25" customHeight="1" x14ac:dyDescent="0.2">
      <c r="A114" s="950"/>
      <c r="B114" s="951"/>
      <c r="C114" s="788" t="s">
        <v>453</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t="s">
        <v>412</v>
      </c>
      <c r="AB114" s="816"/>
      <c r="AC114" s="816"/>
      <c r="AD114" s="816"/>
      <c r="AE114" s="817"/>
      <c r="AF114" s="818" t="s">
        <v>412</v>
      </c>
      <c r="AG114" s="816"/>
      <c r="AH114" s="816"/>
      <c r="AI114" s="816"/>
      <c r="AJ114" s="817"/>
      <c r="AK114" s="818" t="s">
        <v>177</v>
      </c>
      <c r="AL114" s="816"/>
      <c r="AM114" s="816"/>
      <c r="AN114" s="816"/>
      <c r="AO114" s="817"/>
      <c r="AP114" s="860" t="s">
        <v>412</v>
      </c>
      <c r="AQ114" s="861"/>
      <c r="AR114" s="861"/>
      <c r="AS114" s="861"/>
      <c r="AT114" s="862"/>
      <c r="AU114" s="968"/>
      <c r="AV114" s="969"/>
      <c r="AW114" s="969"/>
      <c r="AX114" s="969"/>
      <c r="AY114" s="969"/>
      <c r="AZ114" s="851" t="s">
        <v>454</v>
      </c>
      <c r="BA114" s="788"/>
      <c r="BB114" s="788"/>
      <c r="BC114" s="788"/>
      <c r="BD114" s="788"/>
      <c r="BE114" s="788"/>
      <c r="BF114" s="788"/>
      <c r="BG114" s="788"/>
      <c r="BH114" s="788"/>
      <c r="BI114" s="788"/>
      <c r="BJ114" s="788"/>
      <c r="BK114" s="788"/>
      <c r="BL114" s="788"/>
      <c r="BM114" s="788"/>
      <c r="BN114" s="788"/>
      <c r="BO114" s="788"/>
      <c r="BP114" s="789"/>
      <c r="BQ114" s="852">
        <v>1103264</v>
      </c>
      <c r="BR114" s="853"/>
      <c r="BS114" s="853"/>
      <c r="BT114" s="853"/>
      <c r="BU114" s="853"/>
      <c r="BV114" s="853">
        <v>720101</v>
      </c>
      <c r="BW114" s="853"/>
      <c r="BX114" s="853"/>
      <c r="BY114" s="853"/>
      <c r="BZ114" s="853"/>
      <c r="CA114" s="853">
        <v>757554</v>
      </c>
      <c r="CB114" s="853"/>
      <c r="CC114" s="853"/>
      <c r="CD114" s="853"/>
      <c r="CE114" s="853"/>
      <c r="CF114" s="911">
        <v>7.9</v>
      </c>
      <c r="CG114" s="912"/>
      <c r="CH114" s="912"/>
      <c r="CI114" s="912"/>
      <c r="CJ114" s="912"/>
      <c r="CK114" s="963"/>
      <c r="CL114" s="857"/>
      <c r="CM114" s="851" t="s">
        <v>455</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177</v>
      </c>
      <c r="DH114" s="816"/>
      <c r="DI114" s="816"/>
      <c r="DJ114" s="816"/>
      <c r="DK114" s="817"/>
      <c r="DL114" s="818" t="s">
        <v>448</v>
      </c>
      <c r="DM114" s="816"/>
      <c r="DN114" s="816"/>
      <c r="DO114" s="816"/>
      <c r="DP114" s="817"/>
      <c r="DQ114" s="818" t="s">
        <v>177</v>
      </c>
      <c r="DR114" s="816"/>
      <c r="DS114" s="816"/>
      <c r="DT114" s="816"/>
      <c r="DU114" s="817"/>
      <c r="DV114" s="860" t="s">
        <v>177</v>
      </c>
      <c r="DW114" s="861"/>
      <c r="DX114" s="861"/>
      <c r="DY114" s="861"/>
      <c r="DZ114" s="862"/>
    </row>
    <row r="115" spans="1:130" s="230" customFormat="1" ht="26.25" customHeight="1" x14ac:dyDescent="0.2">
      <c r="A115" s="950"/>
      <c r="B115" s="951"/>
      <c r="C115" s="788" t="s">
        <v>456</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v>99055</v>
      </c>
      <c r="AB115" s="955"/>
      <c r="AC115" s="955"/>
      <c r="AD115" s="955"/>
      <c r="AE115" s="956"/>
      <c r="AF115" s="957">
        <v>99427</v>
      </c>
      <c r="AG115" s="955"/>
      <c r="AH115" s="955"/>
      <c r="AI115" s="955"/>
      <c r="AJ115" s="956"/>
      <c r="AK115" s="957">
        <v>124822</v>
      </c>
      <c r="AL115" s="955"/>
      <c r="AM115" s="955"/>
      <c r="AN115" s="955"/>
      <c r="AO115" s="956"/>
      <c r="AP115" s="958">
        <v>1.3</v>
      </c>
      <c r="AQ115" s="959"/>
      <c r="AR115" s="959"/>
      <c r="AS115" s="959"/>
      <c r="AT115" s="960"/>
      <c r="AU115" s="968"/>
      <c r="AV115" s="969"/>
      <c r="AW115" s="969"/>
      <c r="AX115" s="969"/>
      <c r="AY115" s="969"/>
      <c r="AZ115" s="851" t="s">
        <v>457</v>
      </c>
      <c r="BA115" s="788"/>
      <c r="BB115" s="788"/>
      <c r="BC115" s="788"/>
      <c r="BD115" s="788"/>
      <c r="BE115" s="788"/>
      <c r="BF115" s="788"/>
      <c r="BG115" s="788"/>
      <c r="BH115" s="788"/>
      <c r="BI115" s="788"/>
      <c r="BJ115" s="788"/>
      <c r="BK115" s="788"/>
      <c r="BL115" s="788"/>
      <c r="BM115" s="788"/>
      <c r="BN115" s="788"/>
      <c r="BO115" s="788"/>
      <c r="BP115" s="789"/>
      <c r="BQ115" s="852" t="s">
        <v>442</v>
      </c>
      <c r="BR115" s="853"/>
      <c r="BS115" s="853"/>
      <c r="BT115" s="853"/>
      <c r="BU115" s="853"/>
      <c r="BV115" s="853" t="s">
        <v>441</v>
      </c>
      <c r="BW115" s="853"/>
      <c r="BX115" s="853"/>
      <c r="BY115" s="853"/>
      <c r="BZ115" s="853"/>
      <c r="CA115" s="853" t="s">
        <v>177</v>
      </c>
      <c r="CB115" s="853"/>
      <c r="CC115" s="853"/>
      <c r="CD115" s="853"/>
      <c r="CE115" s="853"/>
      <c r="CF115" s="911" t="s">
        <v>177</v>
      </c>
      <c r="CG115" s="912"/>
      <c r="CH115" s="912"/>
      <c r="CI115" s="912"/>
      <c r="CJ115" s="912"/>
      <c r="CK115" s="963"/>
      <c r="CL115" s="857"/>
      <c r="CM115" s="851" t="s">
        <v>458</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t="s">
        <v>447</v>
      </c>
      <c r="DH115" s="816"/>
      <c r="DI115" s="816"/>
      <c r="DJ115" s="816"/>
      <c r="DK115" s="817"/>
      <c r="DL115" s="818" t="s">
        <v>177</v>
      </c>
      <c r="DM115" s="816"/>
      <c r="DN115" s="816"/>
      <c r="DO115" s="816"/>
      <c r="DP115" s="817"/>
      <c r="DQ115" s="818" t="s">
        <v>459</v>
      </c>
      <c r="DR115" s="816"/>
      <c r="DS115" s="816"/>
      <c r="DT115" s="816"/>
      <c r="DU115" s="817"/>
      <c r="DV115" s="860" t="s">
        <v>177</v>
      </c>
      <c r="DW115" s="861"/>
      <c r="DX115" s="861"/>
      <c r="DY115" s="861"/>
      <c r="DZ115" s="862"/>
    </row>
    <row r="116" spans="1:130" s="230" customFormat="1" ht="26.25" customHeight="1" x14ac:dyDescent="0.2">
      <c r="A116" s="952"/>
      <c r="B116" s="953"/>
      <c r="C116" s="875" t="s">
        <v>460</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t="s">
        <v>412</v>
      </c>
      <c r="AB116" s="816"/>
      <c r="AC116" s="816"/>
      <c r="AD116" s="816"/>
      <c r="AE116" s="817"/>
      <c r="AF116" s="818" t="s">
        <v>177</v>
      </c>
      <c r="AG116" s="816"/>
      <c r="AH116" s="816"/>
      <c r="AI116" s="816"/>
      <c r="AJ116" s="817"/>
      <c r="AK116" s="818" t="s">
        <v>177</v>
      </c>
      <c r="AL116" s="816"/>
      <c r="AM116" s="816"/>
      <c r="AN116" s="816"/>
      <c r="AO116" s="817"/>
      <c r="AP116" s="860" t="s">
        <v>441</v>
      </c>
      <c r="AQ116" s="861"/>
      <c r="AR116" s="861"/>
      <c r="AS116" s="861"/>
      <c r="AT116" s="862"/>
      <c r="AU116" s="968"/>
      <c r="AV116" s="969"/>
      <c r="AW116" s="969"/>
      <c r="AX116" s="969"/>
      <c r="AY116" s="969"/>
      <c r="AZ116" s="945" t="s">
        <v>461</v>
      </c>
      <c r="BA116" s="946"/>
      <c r="BB116" s="946"/>
      <c r="BC116" s="946"/>
      <c r="BD116" s="946"/>
      <c r="BE116" s="946"/>
      <c r="BF116" s="946"/>
      <c r="BG116" s="946"/>
      <c r="BH116" s="946"/>
      <c r="BI116" s="946"/>
      <c r="BJ116" s="946"/>
      <c r="BK116" s="946"/>
      <c r="BL116" s="946"/>
      <c r="BM116" s="946"/>
      <c r="BN116" s="946"/>
      <c r="BO116" s="946"/>
      <c r="BP116" s="947"/>
      <c r="BQ116" s="852" t="s">
        <v>177</v>
      </c>
      <c r="BR116" s="853"/>
      <c r="BS116" s="853"/>
      <c r="BT116" s="853"/>
      <c r="BU116" s="853"/>
      <c r="BV116" s="853" t="s">
        <v>412</v>
      </c>
      <c r="BW116" s="853"/>
      <c r="BX116" s="853"/>
      <c r="BY116" s="853"/>
      <c r="BZ116" s="853"/>
      <c r="CA116" s="853" t="s">
        <v>451</v>
      </c>
      <c r="CB116" s="853"/>
      <c r="CC116" s="853"/>
      <c r="CD116" s="853"/>
      <c r="CE116" s="853"/>
      <c r="CF116" s="911" t="s">
        <v>440</v>
      </c>
      <c r="CG116" s="912"/>
      <c r="CH116" s="912"/>
      <c r="CI116" s="912"/>
      <c r="CJ116" s="912"/>
      <c r="CK116" s="963"/>
      <c r="CL116" s="857"/>
      <c r="CM116" s="851" t="s">
        <v>462</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t="s">
        <v>177</v>
      </c>
      <c r="DH116" s="816"/>
      <c r="DI116" s="816"/>
      <c r="DJ116" s="816"/>
      <c r="DK116" s="817"/>
      <c r="DL116" s="818" t="s">
        <v>442</v>
      </c>
      <c r="DM116" s="816"/>
      <c r="DN116" s="816"/>
      <c r="DO116" s="816"/>
      <c r="DP116" s="817"/>
      <c r="DQ116" s="818" t="s">
        <v>412</v>
      </c>
      <c r="DR116" s="816"/>
      <c r="DS116" s="816"/>
      <c r="DT116" s="816"/>
      <c r="DU116" s="817"/>
      <c r="DV116" s="860" t="s">
        <v>412</v>
      </c>
      <c r="DW116" s="861"/>
      <c r="DX116" s="861"/>
      <c r="DY116" s="861"/>
      <c r="DZ116" s="862"/>
    </row>
    <row r="117" spans="1:130" s="230" customFormat="1" ht="26.25" customHeight="1" x14ac:dyDescent="0.2">
      <c r="A117" s="931" t="s">
        <v>189</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63</v>
      </c>
      <c r="Z117" s="933"/>
      <c r="AA117" s="938">
        <v>1333815</v>
      </c>
      <c r="AB117" s="939"/>
      <c r="AC117" s="939"/>
      <c r="AD117" s="939"/>
      <c r="AE117" s="940"/>
      <c r="AF117" s="941">
        <v>1393654</v>
      </c>
      <c r="AG117" s="939"/>
      <c r="AH117" s="939"/>
      <c r="AI117" s="939"/>
      <c r="AJ117" s="940"/>
      <c r="AK117" s="941">
        <v>1419299</v>
      </c>
      <c r="AL117" s="939"/>
      <c r="AM117" s="939"/>
      <c r="AN117" s="939"/>
      <c r="AO117" s="940"/>
      <c r="AP117" s="942"/>
      <c r="AQ117" s="943"/>
      <c r="AR117" s="943"/>
      <c r="AS117" s="943"/>
      <c r="AT117" s="944"/>
      <c r="AU117" s="968"/>
      <c r="AV117" s="969"/>
      <c r="AW117" s="969"/>
      <c r="AX117" s="969"/>
      <c r="AY117" s="969"/>
      <c r="AZ117" s="899" t="s">
        <v>464</v>
      </c>
      <c r="BA117" s="900"/>
      <c r="BB117" s="900"/>
      <c r="BC117" s="900"/>
      <c r="BD117" s="900"/>
      <c r="BE117" s="900"/>
      <c r="BF117" s="900"/>
      <c r="BG117" s="900"/>
      <c r="BH117" s="900"/>
      <c r="BI117" s="900"/>
      <c r="BJ117" s="900"/>
      <c r="BK117" s="900"/>
      <c r="BL117" s="900"/>
      <c r="BM117" s="900"/>
      <c r="BN117" s="900"/>
      <c r="BO117" s="900"/>
      <c r="BP117" s="901"/>
      <c r="BQ117" s="852" t="s">
        <v>177</v>
      </c>
      <c r="BR117" s="853"/>
      <c r="BS117" s="853"/>
      <c r="BT117" s="853"/>
      <c r="BU117" s="853"/>
      <c r="BV117" s="853" t="s">
        <v>440</v>
      </c>
      <c r="BW117" s="853"/>
      <c r="BX117" s="853"/>
      <c r="BY117" s="853"/>
      <c r="BZ117" s="853"/>
      <c r="CA117" s="853" t="s">
        <v>447</v>
      </c>
      <c r="CB117" s="853"/>
      <c r="CC117" s="853"/>
      <c r="CD117" s="853"/>
      <c r="CE117" s="853"/>
      <c r="CF117" s="911" t="s">
        <v>459</v>
      </c>
      <c r="CG117" s="912"/>
      <c r="CH117" s="912"/>
      <c r="CI117" s="912"/>
      <c r="CJ117" s="912"/>
      <c r="CK117" s="963"/>
      <c r="CL117" s="857"/>
      <c r="CM117" s="851" t="s">
        <v>465</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177</v>
      </c>
      <c r="DH117" s="816"/>
      <c r="DI117" s="816"/>
      <c r="DJ117" s="816"/>
      <c r="DK117" s="817"/>
      <c r="DL117" s="818" t="s">
        <v>177</v>
      </c>
      <c r="DM117" s="816"/>
      <c r="DN117" s="816"/>
      <c r="DO117" s="816"/>
      <c r="DP117" s="817"/>
      <c r="DQ117" s="818" t="s">
        <v>177</v>
      </c>
      <c r="DR117" s="816"/>
      <c r="DS117" s="816"/>
      <c r="DT117" s="816"/>
      <c r="DU117" s="817"/>
      <c r="DV117" s="860" t="s">
        <v>447</v>
      </c>
      <c r="DW117" s="861"/>
      <c r="DX117" s="861"/>
      <c r="DY117" s="861"/>
      <c r="DZ117" s="862"/>
    </row>
    <row r="118" spans="1:130" s="230" customFormat="1" ht="26.25" customHeight="1" x14ac:dyDescent="0.2">
      <c r="A118" s="931" t="s">
        <v>431</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28</v>
      </c>
      <c r="AB118" s="932"/>
      <c r="AC118" s="932"/>
      <c r="AD118" s="932"/>
      <c r="AE118" s="933"/>
      <c r="AF118" s="934" t="s">
        <v>429</v>
      </c>
      <c r="AG118" s="932"/>
      <c r="AH118" s="932"/>
      <c r="AI118" s="932"/>
      <c r="AJ118" s="933"/>
      <c r="AK118" s="934" t="s">
        <v>310</v>
      </c>
      <c r="AL118" s="932"/>
      <c r="AM118" s="932"/>
      <c r="AN118" s="932"/>
      <c r="AO118" s="933"/>
      <c r="AP118" s="935" t="s">
        <v>430</v>
      </c>
      <c r="AQ118" s="936"/>
      <c r="AR118" s="936"/>
      <c r="AS118" s="936"/>
      <c r="AT118" s="937"/>
      <c r="AU118" s="968"/>
      <c r="AV118" s="969"/>
      <c r="AW118" s="969"/>
      <c r="AX118" s="969"/>
      <c r="AY118" s="969"/>
      <c r="AZ118" s="874" t="s">
        <v>466</v>
      </c>
      <c r="BA118" s="875"/>
      <c r="BB118" s="875"/>
      <c r="BC118" s="875"/>
      <c r="BD118" s="875"/>
      <c r="BE118" s="875"/>
      <c r="BF118" s="875"/>
      <c r="BG118" s="875"/>
      <c r="BH118" s="875"/>
      <c r="BI118" s="875"/>
      <c r="BJ118" s="875"/>
      <c r="BK118" s="875"/>
      <c r="BL118" s="875"/>
      <c r="BM118" s="875"/>
      <c r="BN118" s="875"/>
      <c r="BO118" s="875"/>
      <c r="BP118" s="876"/>
      <c r="BQ118" s="915" t="s">
        <v>441</v>
      </c>
      <c r="BR118" s="881"/>
      <c r="BS118" s="881"/>
      <c r="BT118" s="881"/>
      <c r="BU118" s="881"/>
      <c r="BV118" s="881" t="s">
        <v>447</v>
      </c>
      <c r="BW118" s="881"/>
      <c r="BX118" s="881"/>
      <c r="BY118" s="881"/>
      <c r="BZ118" s="881"/>
      <c r="CA118" s="881" t="s">
        <v>440</v>
      </c>
      <c r="CB118" s="881"/>
      <c r="CC118" s="881"/>
      <c r="CD118" s="881"/>
      <c r="CE118" s="881"/>
      <c r="CF118" s="911" t="s">
        <v>177</v>
      </c>
      <c r="CG118" s="912"/>
      <c r="CH118" s="912"/>
      <c r="CI118" s="912"/>
      <c r="CJ118" s="912"/>
      <c r="CK118" s="963"/>
      <c r="CL118" s="857"/>
      <c r="CM118" s="851" t="s">
        <v>467</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177</v>
      </c>
      <c r="DH118" s="816"/>
      <c r="DI118" s="816"/>
      <c r="DJ118" s="816"/>
      <c r="DK118" s="817"/>
      <c r="DL118" s="818" t="s">
        <v>177</v>
      </c>
      <c r="DM118" s="816"/>
      <c r="DN118" s="816"/>
      <c r="DO118" s="816"/>
      <c r="DP118" s="817"/>
      <c r="DQ118" s="818" t="s">
        <v>440</v>
      </c>
      <c r="DR118" s="816"/>
      <c r="DS118" s="816"/>
      <c r="DT118" s="816"/>
      <c r="DU118" s="817"/>
      <c r="DV118" s="860" t="s">
        <v>441</v>
      </c>
      <c r="DW118" s="861"/>
      <c r="DX118" s="861"/>
      <c r="DY118" s="861"/>
      <c r="DZ118" s="862"/>
    </row>
    <row r="119" spans="1:130" s="230" customFormat="1" ht="26.25" customHeight="1" x14ac:dyDescent="0.2">
      <c r="A119" s="854" t="s">
        <v>434</v>
      </c>
      <c r="B119" s="855"/>
      <c r="C119" s="896" t="s">
        <v>435</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t="s">
        <v>447</v>
      </c>
      <c r="AB119" s="925"/>
      <c r="AC119" s="925"/>
      <c r="AD119" s="925"/>
      <c r="AE119" s="926"/>
      <c r="AF119" s="927" t="s">
        <v>447</v>
      </c>
      <c r="AG119" s="925"/>
      <c r="AH119" s="925"/>
      <c r="AI119" s="925"/>
      <c r="AJ119" s="926"/>
      <c r="AK119" s="927" t="s">
        <v>441</v>
      </c>
      <c r="AL119" s="925"/>
      <c r="AM119" s="925"/>
      <c r="AN119" s="925"/>
      <c r="AO119" s="926"/>
      <c r="AP119" s="928" t="s">
        <v>447</v>
      </c>
      <c r="AQ119" s="929"/>
      <c r="AR119" s="929"/>
      <c r="AS119" s="929"/>
      <c r="AT119" s="930"/>
      <c r="AU119" s="970"/>
      <c r="AV119" s="971"/>
      <c r="AW119" s="971"/>
      <c r="AX119" s="971"/>
      <c r="AY119" s="971"/>
      <c r="AZ119" s="251" t="s">
        <v>189</v>
      </c>
      <c r="BA119" s="251"/>
      <c r="BB119" s="251"/>
      <c r="BC119" s="251"/>
      <c r="BD119" s="251"/>
      <c r="BE119" s="251"/>
      <c r="BF119" s="251"/>
      <c r="BG119" s="251"/>
      <c r="BH119" s="251"/>
      <c r="BI119" s="251"/>
      <c r="BJ119" s="251"/>
      <c r="BK119" s="251"/>
      <c r="BL119" s="251"/>
      <c r="BM119" s="251"/>
      <c r="BN119" s="251"/>
      <c r="BO119" s="913" t="s">
        <v>468</v>
      </c>
      <c r="BP119" s="914"/>
      <c r="BQ119" s="915">
        <v>12198941</v>
      </c>
      <c r="BR119" s="881"/>
      <c r="BS119" s="881"/>
      <c r="BT119" s="881"/>
      <c r="BU119" s="881"/>
      <c r="BV119" s="881">
        <v>11116764</v>
      </c>
      <c r="BW119" s="881"/>
      <c r="BX119" s="881"/>
      <c r="BY119" s="881"/>
      <c r="BZ119" s="881"/>
      <c r="CA119" s="881">
        <v>11326711</v>
      </c>
      <c r="CB119" s="881"/>
      <c r="CC119" s="881"/>
      <c r="CD119" s="881"/>
      <c r="CE119" s="881"/>
      <c r="CF119" s="784"/>
      <c r="CG119" s="785"/>
      <c r="CH119" s="785"/>
      <c r="CI119" s="785"/>
      <c r="CJ119" s="870"/>
      <c r="CK119" s="964"/>
      <c r="CL119" s="859"/>
      <c r="CM119" s="874" t="s">
        <v>469</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v>1013125</v>
      </c>
      <c r="DH119" s="800"/>
      <c r="DI119" s="800"/>
      <c r="DJ119" s="800"/>
      <c r="DK119" s="801"/>
      <c r="DL119" s="802">
        <v>918619</v>
      </c>
      <c r="DM119" s="800"/>
      <c r="DN119" s="800"/>
      <c r="DO119" s="800"/>
      <c r="DP119" s="801"/>
      <c r="DQ119" s="802">
        <v>1009667</v>
      </c>
      <c r="DR119" s="800"/>
      <c r="DS119" s="800"/>
      <c r="DT119" s="800"/>
      <c r="DU119" s="801"/>
      <c r="DV119" s="884">
        <v>10.5</v>
      </c>
      <c r="DW119" s="885"/>
      <c r="DX119" s="885"/>
      <c r="DY119" s="885"/>
      <c r="DZ119" s="886"/>
    </row>
    <row r="120" spans="1:130" s="230" customFormat="1" ht="26.25" customHeight="1" x14ac:dyDescent="0.2">
      <c r="A120" s="856"/>
      <c r="B120" s="857"/>
      <c r="C120" s="851" t="s">
        <v>439</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t="s">
        <v>177</v>
      </c>
      <c r="AB120" s="816"/>
      <c r="AC120" s="816"/>
      <c r="AD120" s="816"/>
      <c r="AE120" s="817"/>
      <c r="AF120" s="818" t="s">
        <v>441</v>
      </c>
      <c r="AG120" s="816"/>
      <c r="AH120" s="816"/>
      <c r="AI120" s="816"/>
      <c r="AJ120" s="817"/>
      <c r="AK120" s="818" t="s">
        <v>177</v>
      </c>
      <c r="AL120" s="816"/>
      <c r="AM120" s="816"/>
      <c r="AN120" s="816"/>
      <c r="AO120" s="817"/>
      <c r="AP120" s="860" t="s">
        <v>447</v>
      </c>
      <c r="AQ120" s="861"/>
      <c r="AR120" s="861"/>
      <c r="AS120" s="861"/>
      <c r="AT120" s="862"/>
      <c r="AU120" s="916" t="s">
        <v>470</v>
      </c>
      <c r="AV120" s="917"/>
      <c r="AW120" s="917"/>
      <c r="AX120" s="917"/>
      <c r="AY120" s="918"/>
      <c r="AZ120" s="896" t="s">
        <v>471</v>
      </c>
      <c r="BA120" s="844"/>
      <c r="BB120" s="844"/>
      <c r="BC120" s="844"/>
      <c r="BD120" s="844"/>
      <c r="BE120" s="844"/>
      <c r="BF120" s="844"/>
      <c r="BG120" s="844"/>
      <c r="BH120" s="844"/>
      <c r="BI120" s="844"/>
      <c r="BJ120" s="844"/>
      <c r="BK120" s="844"/>
      <c r="BL120" s="844"/>
      <c r="BM120" s="844"/>
      <c r="BN120" s="844"/>
      <c r="BO120" s="844"/>
      <c r="BP120" s="845"/>
      <c r="BQ120" s="897">
        <v>4963156</v>
      </c>
      <c r="BR120" s="878"/>
      <c r="BS120" s="878"/>
      <c r="BT120" s="878"/>
      <c r="BU120" s="878"/>
      <c r="BV120" s="878">
        <v>5016819</v>
      </c>
      <c r="BW120" s="878"/>
      <c r="BX120" s="878"/>
      <c r="BY120" s="878"/>
      <c r="BZ120" s="878"/>
      <c r="CA120" s="878">
        <v>5674632</v>
      </c>
      <c r="CB120" s="878"/>
      <c r="CC120" s="878"/>
      <c r="CD120" s="878"/>
      <c r="CE120" s="878"/>
      <c r="CF120" s="902">
        <v>58.9</v>
      </c>
      <c r="CG120" s="903"/>
      <c r="CH120" s="903"/>
      <c r="CI120" s="903"/>
      <c r="CJ120" s="903"/>
      <c r="CK120" s="904" t="s">
        <v>472</v>
      </c>
      <c r="CL120" s="888"/>
      <c r="CM120" s="888"/>
      <c r="CN120" s="888"/>
      <c r="CO120" s="889"/>
      <c r="CP120" s="908" t="s">
        <v>473</v>
      </c>
      <c r="CQ120" s="909"/>
      <c r="CR120" s="909"/>
      <c r="CS120" s="909"/>
      <c r="CT120" s="909"/>
      <c r="CU120" s="909"/>
      <c r="CV120" s="909"/>
      <c r="CW120" s="909"/>
      <c r="CX120" s="909"/>
      <c r="CY120" s="909"/>
      <c r="CZ120" s="909"/>
      <c r="DA120" s="909"/>
      <c r="DB120" s="909"/>
      <c r="DC120" s="909"/>
      <c r="DD120" s="909"/>
      <c r="DE120" s="909"/>
      <c r="DF120" s="910"/>
      <c r="DG120" s="897">
        <v>2559147</v>
      </c>
      <c r="DH120" s="878"/>
      <c r="DI120" s="878"/>
      <c r="DJ120" s="878"/>
      <c r="DK120" s="878"/>
      <c r="DL120" s="878">
        <v>2488919</v>
      </c>
      <c r="DM120" s="878"/>
      <c r="DN120" s="878"/>
      <c r="DO120" s="878"/>
      <c r="DP120" s="878"/>
      <c r="DQ120" s="878">
        <v>2700501</v>
      </c>
      <c r="DR120" s="878"/>
      <c r="DS120" s="878"/>
      <c r="DT120" s="878"/>
      <c r="DU120" s="878"/>
      <c r="DV120" s="879">
        <v>28</v>
      </c>
      <c r="DW120" s="879"/>
      <c r="DX120" s="879"/>
      <c r="DY120" s="879"/>
      <c r="DZ120" s="880"/>
    </row>
    <row r="121" spans="1:130" s="230" customFormat="1" ht="26.25" customHeight="1" x14ac:dyDescent="0.2">
      <c r="A121" s="856"/>
      <c r="B121" s="857"/>
      <c r="C121" s="899" t="s">
        <v>474</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t="s">
        <v>441</v>
      </c>
      <c r="AB121" s="816"/>
      <c r="AC121" s="816"/>
      <c r="AD121" s="816"/>
      <c r="AE121" s="817"/>
      <c r="AF121" s="818" t="s">
        <v>447</v>
      </c>
      <c r="AG121" s="816"/>
      <c r="AH121" s="816"/>
      <c r="AI121" s="816"/>
      <c r="AJ121" s="817"/>
      <c r="AK121" s="818" t="s">
        <v>447</v>
      </c>
      <c r="AL121" s="816"/>
      <c r="AM121" s="816"/>
      <c r="AN121" s="816"/>
      <c r="AO121" s="817"/>
      <c r="AP121" s="860" t="s">
        <v>447</v>
      </c>
      <c r="AQ121" s="861"/>
      <c r="AR121" s="861"/>
      <c r="AS121" s="861"/>
      <c r="AT121" s="862"/>
      <c r="AU121" s="919"/>
      <c r="AV121" s="920"/>
      <c r="AW121" s="920"/>
      <c r="AX121" s="920"/>
      <c r="AY121" s="921"/>
      <c r="AZ121" s="851" t="s">
        <v>475</v>
      </c>
      <c r="BA121" s="788"/>
      <c r="BB121" s="788"/>
      <c r="BC121" s="788"/>
      <c r="BD121" s="788"/>
      <c r="BE121" s="788"/>
      <c r="BF121" s="788"/>
      <c r="BG121" s="788"/>
      <c r="BH121" s="788"/>
      <c r="BI121" s="788"/>
      <c r="BJ121" s="788"/>
      <c r="BK121" s="788"/>
      <c r="BL121" s="788"/>
      <c r="BM121" s="788"/>
      <c r="BN121" s="788"/>
      <c r="BO121" s="788"/>
      <c r="BP121" s="789"/>
      <c r="BQ121" s="852">
        <v>2257133</v>
      </c>
      <c r="BR121" s="853"/>
      <c r="BS121" s="853"/>
      <c r="BT121" s="853"/>
      <c r="BU121" s="853"/>
      <c r="BV121" s="853">
        <v>2122320</v>
      </c>
      <c r="BW121" s="853"/>
      <c r="BX121" s="853"/>
      <c r="BY121" s="853"/>
      <c r="BZ121" s="853"/>
      <c r="CA121" s="853">
        <v>2407214</v>
      </c>
      <c r="CB121" s="853"/>
      <c r="CC121" s="853"/>
      <c r="CD121" s="853"/>
      <c r="CE121" s="853"/>
      <c r="CF121" s="911">
        <v>25</v>
      </c>
      <c r="CG121" s="912"/>
      <c r="CH121" s="912"/>
      <c r="CI121" s="912"/>
      <c r="CJ121" s="912"/>
      <c r="CK121" s="905"/>
      <c r="CL121" s="891"/>
      <c r="CM121" s="891"/>
      <c r="CN121" s="891"/>
      <c r="CO121" s="892"/>
      <c r="CP121" s="871" t="s">
        <v>476</v>
      </c>
      <c r="CQ121" s="872"/>
      <c r="CR121" s="872"/>
      <c r="CS121" s="872"/>
      <c r="CT121" s="872"/>
      <c r="CU121" s="872"/>
      <c r="CV121" s="872"/>
      <c r="CW121" s="872"/>
      <c r="CX121" s="872"/>
      <c r="CY121" s="872"/>
      <c r="CZ121" s="872"/>
      <c r="DA121" s="872"/>
      <c r="DB121" s="872"/>
      <c r="DC121" s="872"/>
      <c r="DD121" s="872"/>
      <c r="DE121" s="872"/>
      <c r="DF121" s="873"/>
      <c r="DG121" s="852" t="s">
        <v>177</v>
      </c>
      <c r="DH121" s="853"/>
      <c r="DI121" s="853"/>
      <c r="DJ121" s="853"/>
      <c r="DK121" s="853"/>
      <c r="DL121" s="853" t="s">
        <v>177</v>
      </c>
      <c r="DM121" s="853"/>
      <c r="DN121" s="853"/>
      <c r="DO121" s="853"/>
      <c r="DP121" s="853"/>
      <c r="DQ121" s="853" t="s">
        <v>177</v>
      </c>
      <c r="DR121" s="853"/>
      <c r="DS121" s="853"/>
      <c r="DT121" s="853"/>
      <c r="DU121" s="853"/>
      <c r="DV121" s="830" t="s">
        <v>177</v>
      </c>
      <c r="DW121" s="830"/>
      <c r="DX121" s="830"/>
      <c r="DY121" s="830"/>
      <c r="DZ121" s="831"/>
    </row>
    <row r="122" spans="1:130" s="230" customFormat="1" ht="26.25" customHeight="1" x14ac:dyDescent="0.2">
      <c r="A122" s="856"/>
      <c r="B122" s="857"/>
      <c r="C122" s="851" t="s">
        <v>455</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177</v>
      </c>
      <c r="AB122" s="816"/>
      <c r="AC122" s="816"/>
      <c r="AD122" s="816"/>
      <c r="AE122" s="817"/>
      <c r="AF122" s="818" t="s">
        <v>177</v>
      </c>
      <c r="AG122" s="816"/>
      <c r="AH122" s="816"/>
      <c r="AI122" s="816"/>
      <c r="AJ122" s="817"/>
      <c r="AK122" s="818" t="s">
        <v>447</v>
      </c>
      <c r="AL122" s="816"/>
      <c r="AM122" s="816"/>
      <c r="AN122" s="816"/>
      <c r="AO122" s="817"/>
      <c r="AP122" s="860" t="s">
        <v>441</v>
      </c>
      <c r="AQ122" s="861"/>
      <c r="AR122" s="861"/>
      <c r="AS122" s="861"/>
      <c r="AT122" s="862"/>
      <c r="AU122" s="919"/>
      <c r="AV122" s="920"/>
      <c r="AW122" s="920"/>
      <c r="AX122" s="920"/>
      <c r="AY122" s="921"/>
      <c r="AZ122" s="874" t="s">
        <v>477</v>
      </c>
      <c r="BA122" s="875"/>
      <c r="BB122" s="875"/>
      <c r="BC122" s="875"/>
      <c r="BD122" s="875"/>
      <c r="BE122" s="875"/>
      <c r="BF122" s="875"/>
      <c r="BG122" s="875"/>
      <c r="BH122" s="875"/>
      <c r="BI122" s="875"/>
      <c r="BJ122" s="875"/>
      <c r="BK122" s="875"/>
      <c r="BL122" s="875"/>
      <c r="BM122" s="875"/>
      <c r="BN122" s="875"/>
      <c r="BO122" s="875"/>
      <c r="BP122" s="876"/>
      <c r="BQ122" s="915">
        <v>5643498</v>
      </c>
      <c r="BR122" s="881"/>
      <c r="BS122" s="881"/>
      <c r="BT122" s="881"/>
      <c r="BU122" s="881"/>
      <c r="BV122" s="881">
        <v>5280485</v>
      </c>
      <c r="BW122" s="881"/>
      <c r="BX122" s="881"/>
      <c r="BY122" s="881"/>
      <c r="BZ122" s="881"/>
      <c r="CA122" s="881">
        <v>4899547</v>
      </c>
      <c r="CB122" s="881"/>
      <c r="CC122" s="881"/>
      <c r="CD122" s="881"/>
      <c r="CE122" s="881"/>
      <c r="CF122" s="882">
        <v>50.8</v>
      </c>
      <c r="CG122" s="883"/>
      <c r="CH122" s="883"/>
      <c r="CI122" s="883"/>
      <c r="CJ122" s="883"/>
      <c r="CK122" s="905"/>
      <c r="CL122" s="891"/>
      <c r="CM122" s="891"/>
      <c r="CN122" s="891"/>
      <c r="CO122" s="892"/>
      <c r="CP122" s="871" t="s">
        <v>478</v>
      </c>
      <c r="CQ122" s="872"/>
      <c r="CR122" s="872"/>
      <c r="CS122" s="872"/>
      <c r="CT122" s="872"/>
      <c r="CU122" s="872"/>
      <c r="CV122" s="872"/>
      <c r="CW122" s="872"/>
      <c r="CX122" s="872"/>
      <c r="CY122" s="872"/>
      <c r="CZ122" s="872"/>
      <c r="DA122" s="872"/>
      <c r="DB122" s="872"/>
      <c r="DC122" s="872"/>
      <c r="DD122" s="872"/>
      <c r="DE122" s="872"/>
      <c r="DF122" s="873"/>
      <c r="DG122" s="852" t="s">
        <v>441</v>
      </c>
      <c r="DH122" s="853"/>
      <c r="DI122" s="853"/>
      <c r="DJ122" s="853"/>
      <c r="DK122" s="853"/>
      <c r="DL122" s="853" t="s">
        <v>177</v>
      </c>
      <c r="DM122" s="853"/>
      <c r="DN122" s="853"/>
      <c r="DO122" s="853"/>
      <c r="DP122" s="853"/>
      <c r="DQ122" s="853" t="s">
        <v>177</v>
      </c>
      <c r="DR122" s="853"/>
      <c r="DS122" s="853"/>
      <c r="DT122" s="853"/>
      <c r="DU122" s="853"/>
      <c r="DV122" s="830" t="s">
        <v>441</v>
      </c>
      <c r="DW122" s="830"/>
      <c r="DX122" s="830"/>
      <c r="DY122" s="830"/>
      <c r="DZ122" s="831"/>
    </row>
    <row r="123" spans="1:130" s="230" customFormat="1" ht="26.25" customHeight="1" x14ac:dyDescent="0.2">
      <c r="A123" s="856"/>
      <c r="B123" s="857"/>
      <c r="C123" s="851" t="s">
        <v>462</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t="s">
        <v>177</v>
      </c>
      <c r="AB123" s="816"/>
      <c r="AC123" s="816"/>
      <c r="AD123" s="816"/>
      <c r="AE123" s="817"/>
      <c r="AF123" s="818" t="s">
        <v>177</v>
      </c>
      <c r="AG123" s="816"/>
      <c r="AH123" s="816"/>
      <c r="AI123" s="816"/>
      <c r="AJ123" s="817"/>
      <c r="AK123" s="818" t="s">
        <v>412</v>
      </c>
      <c r="AL123" s="816"/>
      <c r="AM123" s="816"/>
      <c r="AN123" s="816"/>
      <c r="AO123" s="817"/>
      <c r="AP123" s="860" t="s">
        <v>177</v>
      </c>
      <c r="AQ123" s="861"/>
      <c r="AR123" s="861"/>
      <c r="AS123" s="861"/>
      <c r="AT123" s="862"/>
      <c r="AU123" s="922"/>
      <c r="AV123" s="923"/>
      <c r="AW123" s="923"/>
      <c r="AX123" s="923"/>
      <c r="AY123" s="923"/>
      <c r="AZ123" s="251" t="s">
        <v>189</v>
      </c>
      <c r="BA123" s="251"/>
      <c r="BB123" s="251"/>
      <c r="BC123" s="251"/>
      <c r="BD123" s="251"/>
      <c r="BE123" s="251"/>
      <c r="BF123" s="251"/>
      <c r="BG123" s="251"/>
      <c r="BH123" s="251"/>
      <c r="BI123" s="251"/>
      <c r="BJ123" s="251"/>
      <c r="BK123" s="251"/>
      <c r="BL123" s="251"/>
      <c r="BM123" s="251"/>
      <c r="BN123" s="251"/>
      <c r="BO123" s="913" t="s">
        <v>479</v>
      </c>
      <c r="BP123" s="914"/>
      <c r="BQ123" s="868">
        <v>12863787</v>
      </c>
      <c r="BR123" s="869"/>
      <c r="BS123" s="869"/>
      <c r="BT123" s="869"/>
      <c r="BU123" s="869"/>
      <c r="BV123" s="869">
        <v>12419624</v>
      </c>
      <c r="BW123" s="869"/>
      <c r="BX123" s="869"/>
      <c r="BY123" s="869"/>
      <c r="BZ123" s="869"/>
      <c r="CA123" s="869">
        <v>12981393</v>
      </c>
      <c r="CB123" s="869"/>
      <c r="CC123" s="869"/>
      <c r="CD123" s="869"/>
      <c r="CE123" s="869"/>
      <c r="CF123" s="784"/>
      <c r="CG123" s="785"/>
      <c r="CH123" s="785"/>
      <c r="CI123" s="785"/>
      <c r="CJ123" s="870"/>
      <c r="CK123" s="905"/>
      <c r="CL123" s="891"/>
      <c r="CM123" s="891"/>
      <c r="CN123" s="891"/>
      <c r="CO123" s="892"/>
      <c r="CP123" s="871" t="s">
        <v>480</v>
      </c>
      <c r="CQ123" s="872"/>
      <c r="CR123" s="872"/>
      <c r="CS123" s="872"/>
      <c r="CT123" s="872"/>
      <c r="CU123" s="872"/>
      <c r="CV123" s="872"/>
      <c r="CW123" s="872"/>
      <c r="CX123" s="872"/>
      <c r="CY123" s="872"/>
      <c r="CZ123" s="872"/>
      <c r="DA123" s="872"/>
      <c r="DB123" s="872"/>
      <c r="DC123" s="872"/>
      <c r="DD123" s="872"/>
      <c r="DE123" s="872"/>
      <c r="DF123" s="873"/>
      <c r="DG123" s="815" t="s">
        <v>412</v>
      </c>
      <c r="DH123" s="816"/>
      <c r="DI123" s="816"/>
      <c r="DJ123" s="816"/>
      <c r="DK123" s="817"/>
      <c r="DL123" s="818" t="s">
        <v>412</v>
      </c>
      <c r="DM123" s="816"/>
      <c r="DN123" s="816"/>
      <c r="DO123" s="816"/>
      <c r="DP123" s="817"/>
      <c r="DQ123" s="818" t="s">
        <v>412</v>
      </c>
      <c r="DR123" s="816"/>
      <c r="DS123" s="816"/>
      <c r="DT123" s="816"/>
      <c r="DU123" s="817"/>
      <c r="DV123" s="860" t="s">
        <v>412</v>
      </c>
      <c r="DW123" s="861"/>
      <c r="DX123" s="861"/>
      <c r="DY123" s="861"/>
      <c r="DZ123" s="862"/>
    </row>
    <row r="124" spans="1:130" s="230" customFormat="1" ht="26.25" customHeight="1" thickBot="1" x14ac:dyDescent="0.25">
      <c r="A124" s="856"/>
      <c r="B124" s="857"/>
      <c r="C124" s="851" t="s">
        <v>465</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412</v>
      </c>
      <c r="AB124" s="816"/>
      <c r="AC124" s="816"/>
      <c r="AD124" s="816"/>
      <c r="AE124" s="817"/>
      <c r="AF124" s="818" t="s">
        <v>412</v>
      </c>
      <c r="AG124" s="816"/>
      <c r="AH124" s="816"/>
      <c r="AI124" s="816"/>
      <c r="AJ124" s="817"/>
      <c r="AK124" s="818" t="s">
        <v>412</v>
      </c>
      <c r="AL124" s="816"/>
      <c r="AM124" s="816"/>
      <c r="AN124" s="816"/>
      <c r="AO124" s="817"/>
      <c r="AP124" s="860" t="s">
        <v>412</v>
      </c>
      <c r="AQ124" s="861"/>
      <c r="AR124" s="861"/>
      <c r="AS124" s="861"/>
      <c r="AT124" s="862"/>
      <c r="AU124" s="863" t="s">
        <v>481</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t="s">
        <v>412</v>
      </c>
      <c r="BR124" s="867"/>
      <c r="BS124" s="867"/>
      <c r="BT124" s="867"/>
      <c r="BU124" s="867"/>
      <c r="BV124" s="867" t="s">
        <v>412</v>
      </c>
      <c r="BW124" s="867"/>
      <c r="BX124" s="867"/>
      <c r="BY124" s="867"/>
      <c r="BZ124" s="867"/>
      <c r="CA124" s="867" t="s">
        <v>412</v>
      </c>
      <c r="CB124" s="867"/>
      <c r="CC124" s="867"/>
      <c r="CD124" s="867"/>
      <c r="CE124" s="867"/>
      <c r="CF124" s="762"/>
      <c r="CG124" s="763"/>
      <c r="CH124" s="763"/>
      <c r="CI124" s="763"/>
      <c r="CJ124" s="898"/>
      <c r="CK124" s="906"/>
      <c r="CL124" s="906"/>
      <c r="CM124" s="906"/>
      <c r="CN124" s="906"/>
      <c r="CO124" s="907"/>
      <c r="CP124" s="871" t="s">
        <v>482</v>
      </c>
      <c r="CQ124" s="872"/>
      <c r="CR124" s="872"/>
      <c r="CS124" s="872"/>
      <c r="CT124" s="872"/>
      <c r="CU124" s="872"/>
      <c r="CV124" s="872"/>
      <c r="CW124" s="872"/>
      <c r="CX124" s="872"/>
      <c r="CY124" s="872"/>
      <c r="CZ124" s="872"/>
      <c r="DA124" s="872"/>
      <c r="DB124" s="872"/>
      <c r="DC124" s="872"/>
      <c r="DD124" s="872"/>
      <c r="DE124" s="872"/>
      <c r="DF124" s="873"/>
      <c r="DG124" s="799" t="s">
        <v>459</v>
      </c>
      <c r="DH124" s="800"/>
      <c r="DI124" s="800"/>
      <c r="DJ124" s="800"/>
      <c r="DK124" s="801"/>
      <c r="DL124" s="802" t="s">
        <v>412</v>
      </c>
      <c r="DM124" s="800"/>
      <c r="DN124" s="800"/>
      <c r="DO124" s="800"/>
      <c r="DP124" s="801"/>
      <c r="DQ124" s="802" t="s">
        <v>412</v>
      </c>
      <c r="DR124" s="800"/>
      <c r="DS124" s="800"/>
      <c r="DT124" s="800"/>
      <c r="DU124" s="801"/>
      <c r="DV124" s="884" t="s">
        <v>483</v>
      </c>
      <c r="DW124" s="885"/>
      <c r="DX124" s="885"/>
      <c r="DY124" s="885"/>
      <c r="DZ124" s="886"/>
    </row>
    <row r="125" spans="1:130" s="230" customFormat="1" ht="26.25" customHeight="1" x14ac:dyDescent="0.2">
      <c r="A125" s="856"/>
      <c r="B125" s="857"/>
      <c r="C125" s="851" t="s">
        <v>467</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459</v>
      </c>
      <c r="AB125" s="816"/>
      <c r="AC125" s="816"/>
      <c r="AD125" s="816"/>
      <c r="AE125" s="817"/>
      <c r="AF125" s="818" t="s">
        <v>484</v>
      </c>
      <c r="AG125" s="816"/>
      <c r="AH125" s="816"/>
      <c r="AI125" s="816"/>
      <c r="AJ125" s="817"/>
      <c r="AK125" s="818" t="s">
        <v>485</v>
      </c>
      <c r="AL125" s="816"/>
      <c r="AM125" s="816"/>
      <c r="AN125" s="816"/>
      <c r="AO125" s="817"/>
      <c r="AP125" s="860" t="s">
        <v>412</v>
      </c>
      <c r="AQ125" s="861"/>
      <c r="AR125" s="861"/>
      <c r="AS125" s="861"/>
      <c r="AT125" s="86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87" t="s">
        <v>486</v>
      </c>
      <c r="CL125" s="888"/>
      <c r="CM125" s="888"/>
      <c r="CN125" s="888"/>
      <c r="CO125" s="889"/>
      <c r="CP125" s="896" t="s">
        <v>487</v>
      </c>
      <c r="CQ125" s="844"/>
      <c r="CR125" s="844"/>
      <c r="CS125" s="844"/>
      <c r="CT125" s="844"/>
      <c r="CU125" s="844"/>
      <c r="CV125" s="844"/>
      <c r="CW125" s="844"/>
      <c r="CX125" s="844"/>
      <c r="CY125" s="844"/>
      <c r="CZ125" s="844"/>
      <c r="DA125" s="844"/>
      <c r="DB125" s="844"/>
      <c r="DC125" s="844"/>
      <c r="DD125" s="844"/>
      <c r="DE125" s="844"/>
      <c r="DF125" s="845"/>
      <c r="DG125" s="897" t="s">
        <v>412</v>
      </c>
      <c r="DH125" s="878"/>
      <c r="DI125" s="878"/>
      <c r="DJ125" s="878"/>
      <c r="DK125" s="878"/>
      <c r="DL125" s="878" t="s">
        <v>488</v>
      </c>
      <c r="DM125" s="878"/>
      <c r="DN125" s="878"/>
      <c r="DO125" s="878"/>
      <c r="DP125" s="878"/>
      <c r="DQ125" s="878" t="s">
        <v>489</v>
      </c>
      <c r="DR125" s="878"/>
      <c r="DS125" s="878"/>
      <c r="DT125" s="878"/>
      <c r="DU125" s="878"/>
      <c r="DV125" s="879" t="s">
        <v>459</v>
      </c>
      <c r="DW125" s="879"/>
      <c r="DX125" s="879"/>
      <c r="DY125" s="879"/>
      <c r="DZ125" s="880"/>
    </row>
    <row r="126" spans="1:130" s="230" customFormat="1" ht="26.25" customHeight="1" thickBot="1" x14ac:dyDescent="0.25">
      <c r="A126" s="856"/>
      <c r="B126" s="857"/>
      <c r="C126" s="851" t="s">
        <v>469</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v>99055</v>
      </c>
      <c r="AB126" s="816"/>
      <c r="AC126" s="816"/>
      <c r="AD126" s="816"/>
      <c r="AE126" s="817"/>
      <c r="AF126" s="818">
        <v>99427</v>
      </c>
      <c r="AG126" s="816"/>
      <c r="AH126" s="816"/>
      <c r="AI126" s="816"/>
      <c r="AJ126" s="817"/>
      <c r="AK126" s="818">
        <v>124822</v>
      </c>
      <c r="AL126" s="816"/>
      <c r="AM126" s="816"/>
      <c r="AN126" s="816"/>
      <c r="AO126" s="817"/>
      <c r="AP126" s="860">
        <v>1.3</v>
      </c>
      <c r="AQ126" s="861"/>
      <c r="AR126" s="861"/>
      <c r="AS126" s="861"/>
      <c r="AT126" s="86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90"/>
      <c r="CL126" s="891"/>
      <c r="CM126" s="891"/>
      <c r="CN126" s="891"/>
      <c r="CO126" s="892"/>
      <c r="CP126" s="851" t="s">
        <v>490</v>
      </c>
      <c r="CQ126" s="788"/>
      <c r="CR126" s="788"/>
      <c r="CS126" s="788"/>
      <c r="CT126" s="788"/>
      <c r="CU126" s="788"/>
      <c r="CV126" s="788"/>
      <c r="CW126" s="788"/>
      <c r="CX126" s="788"/>
      <c r="CY126" s="788"/>
      <c r="CZ126" s="788"/>
      <c r="DA126" s="788"/>
      <c r="DB126" s="788"/>
      <c r="DC126" s="788"/>
      <c r="DD126" s="788"/>
      <c r="DE126" s="788"/>
      <c r="DF126" s="789"/>
      <c r="DG126" s="852" t="s">
        <v>459</v>
      </c>
      <c r="DH126" s="853"/>
      <c r="DI126" s="853"/>
      <c r="DJ126" s="853"/>
      <c r="DK126" s="853"/>
      <c r="DL126" s="853" t="s">
        <v>485</v>
      </c>
      <c r="DM126" s="853"/>
      <c r="DN126" s="853"/>
      <c r="DO126" s="853"/>
      <c r="DP126" s="853"/>
      <c r="DQ126" s="853" t="s">
        <v>412</v>
      </c>
      <c r="DR126" s="853"/>
      <c r="DS126" s="853"/>
      <c r="DT126" s="853"/>
      <c r="DU126" s="853"/>
      <c r="DV126" s="830" t="s">
        <v>488</v>
      </c>
      <c r="DW126" s="830"/>
      <c r="DX126" s="830"/>
      <c r="DY126" s="830"/>
      <c r="DZ126" s="831"/>
    </row>
    <row r="127" spans="1:130" s="230" customFormat="1" ht="26.25" customHeight="1" x14ac:dyDescent="0.2">
      <c r="A127" s="858"/>
      <c r="B127" s="859"/>
      <c r="C127" s="874" t="s">
        <v>491</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492</v>
      </c>
      <c r="AB127" s="816"/>
      <c r="AC127" s="816"/>
      <c r="AD127" s="816"/>
      <c r="AE127" s="817"/>
      <c r="AF127" s="818" t="s">
        <v>483</v>
      </c>
      <c r="AG127" s="816"/>
      <c r="AH127" s="816"/>
      <c r="AI127" s="816"/>
      <c r="AJ127" s="817"/>
      <c r="AK127" s="818" t="s">
        <v>484</v>
      </c>
      <c r="AL127" s="816"/>
      <c r="AM127" s="816"/>
      <c r="AN127" s="816"/>
      <c r="AO127" s="817"/>
      <c r="AP127" s="860" t="s">
        <v>485</v>
      </c>
      <c r="AQ127" s="861"/>
      <c r="AR127" s="861"/>
      <c r="AS127" s="861"/>
      <c r="AT127" s="862"/>
      <c r="AU127" s="232"/>
      <c r="AV127" s="232"/>
      <c r="AW127" s="232"/>
      <c r="AX127" s="877" t="s">
        <v>493</v>
      </c>
      <c r="AY127" s="848"/>
      <c r="AZ127" s="848"/>
      <c r="BA127" s="848"/>
      <c r="BB127" s="848"/>
      <c r="BC127" s="848"/>
      <c r="BD127" s="848"/>
      <c r="BE127" s="849"/>
      <c r="BF127" s="847" t="s">
        <v>494</v>
      </c>
      <c r="BG127" s="848"/>
      <c r="BH127" s="848"/>
      <c r="BI127" s="848"/>
      <c r="BJ127" s="848"/>
      <c r="BK127" s="848"/>
      <c r="BL127" s="849"/>
      <c r="BM127" s="847" t="s">
        <v>495</v>
      </c>
      <c r="BN127" s="848"/>
      <c r="BO127" s="848"/>
      <c r="BP127" s="848"/>
      <c r="BQ127" s="848"/>
      <c r="BR127" s="848"/>
      <c r="BS127" s="849"/>
      <c r="BT127" s="847" t="s">
        <v>496</v>
      </c>
      <c r="BU127" s="848"/>
      <c r="BV127" s="848"/>
      <c r="BW127" s="848"/>
      <c r="BX127" s="848"/>
      <c r="BY127" s="848"/>
      <c r="BZ127" s="850"/>
      <c r="CA127" s="232"/>
      <c r="CB127" s="232"/>
      <c r="CC127" s="232"/>
      <c r="CD127" s="255"/>
      <c r="CE127" s="255"/>
      <c r="CF127" s="255"/>
      <c r="CG127" s="232"/>
      <c r="CH127" s="232"/>
      <c r="CI127" s="232"/>
      <c r="CJ127" s="254"/>
      <c r="CK127" s="890"/>
      <c r="CL127" s="891"/>
      <c r="CM127" s="891"/>
      <c r="CN127" s="891"/>
      <c r="CO127" s="892"/>
      <c r="CP127" s="851" t="s">
        <v>497</v>
      </c>
      <c r="CQ127" s="788"/>
      <c r="CR127" s="788"/>
      <c r="CS127" s="788"/>
      <c r="CT127" s="788"/>
      <c r="CU127" s="788"/>
      <c r="CV127" s="788"/>
      <c r="CW127" s="788"/>
      <c r="CX127" s="788"/>
      <c r="CY127" s="788"/>
      <c r="CZ127" s="788"/>
      <c r="DA127" s="788"/>
      <c r="DB127" s="788"/>
      <c r="DC127" s="788"/>
      <c r="DD127" s="788"/>
      <c r="DE127" s="788"/>
      <c r="DF127" s="789"/>
      <c r="DG127" s="852" t="s">
        <v>459</v>
      </c>
      <c r="DH127" s="853"/>
      <c r="DI127" s="853"/>
      <c r="DJ127" s="853"/>
      <c r="DK127" s="853"/>
      <c r="DL127" s="853" t="s">
        <v>498</v>
      </c>
      <c r="DM127" s="853"/>
      <c r="DN127" s="853"/>
      <c r="DO127" s="853"/>
      <c r="DP127" s="853"/>
      <c r="DQ127" s="853" t="s">
        <v>459</v>
      </c>
      <c r="DR127" s="853"/>
      <c r="DS127" s="853"/>
      <c r="DT127" s="853"/>
      <c r="DU127" s="853"/>
      <c r="DV127" s="830" t="s">
        <v>459</v>
      </c>
      <c r="DW127" s="830"/>
      <c r="DX127" s="830"/>
      <c r="DY127" s="830"/>
      <c r="DZ127" s="831"/>
    </row>
    <row r="128" spans="1:130" s="230" customFormat="1" ht="26.25" customHeight="1" thickBot="1" x14ac:dyDescent="0.25">
      <c r="A128" s="832" t="s">
        <v>499</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500</v>
      </c>
      <c r="X128" s="834"/>
      <c r="Y128" s="834"/>
      <c r="Z128" s="835"/>
      <c r="AA128" s="836">
        <v>360337</v>
      </c>
      <c r="AB128" s="837"/>
      <c r="AC128" s="837"/>
      <c r="AD128" s="837"/>
      <c r="AE128" s="838"/>
      <c r="AF128" s="839">
        <v>325058</v>
      </c>
      <c r="AG128" s="837"/>
      <c r="AH128" s="837"/>
      <c r="AI128" s="837"/>
      <c r="AJ128" s="838"/>
      <c r="AK128" s="839">
        <v>320525</v>
      </c>
      <c r="AL128" s="837"/>
      <c r="AM128" s="837"/>
      <c r="AN128" s="837"/>
      <c r="AO128" s="838"/>
      <c r="AP128" s="840"/>
      <c r="AQ128" s="841"/>
      <c r="AR128" s="841"/>
      <c r="AS128" s="841"/>
      <c r="AT128" s="842"/>
      <c r="AU128" s="232"/>
      <c r="AV128" s="232"/>
      <c r="AW128" s="232"/>
      <c r="AX128" s="843" t="s">
        <v>501</v>
      </c>
      <c r="AY128" s="844"/>
      <c r="AZ128" s="844"/>
      <c r="BA128" s="844"/>
      <c r="BB128" s="844"/>
      <c r="BC128" s="844"/>
      <c r="BD128" s="844"/>
      <c r="BE128" s="845"/>
      <c r="BF128" s="822" t="s">
        <v>448</v>
      </c>
      <c r="BG128" s="823"/>
      <c r="BH128" s="823"/>
      <c r="BI128" s="823"/>
      <c r="BJ128" s="823"/>
      <c r="BK128" s="823"/>
      <c r="BL128" s="846"/>
      <c r="BM128" s="822">
        <v>13.28</v>
      </c>
      <c r="BN128" s="823"/>
      <c r="BO128" s="823"/>
      <c r="BP128" s="823"/>
      <c r="BQ128" s="823"/>
      <c r="BR128" s="823"/>
      <c r="BS128" s="846"/>
      <c r="BT128" s="822">
        <v>20</v>
      </c>
      <c r="BU128" s="823"/>
      <c r="BV128" s="823"/>
      <c r="BW128" s="823"/>
      <c r="BX128" s="823"/>
      <c r="BY128" s="823"/>
      <c r="BZ128" s="824"/>
      <c r="CA128" s="255"/>
      <c r="CB128" s="255"/>
      <c r="CC128" s="255"/>
      <c r="CD128" s="255"/>
      <c r="CE128" s="255"/>
      <c r="CF128" s="255"/>
      <c r="CG128" s="232"/>
      <c r="CH128" s="232"/>
      <c r="CI128" s="232"/>
      <c r="CJ128" s="254"/>
      <c r="CK128" s="893"/>
      <c r="CL128" s="894"/>
      <c r="CM128" s="894"/>
      <c r="CN128" s="894"/>
      <c r="CO128" s="895"/>
      <c r="CP128" s="825" t="s">
        <v>502</v>
      </c>
      <c r="CQ128" s="766"/>
      <c r="CR128" s="766"/>
      <c r="CS128" s="766"/>
      <c r="CT128" s="766"/>
      <c r="CU128" s="766"/>
      <c r="CV128" s="766"/>
      <c r="CW128" s="766"/>
      <c r="CX128" s="766"/>
      <c r="CY128" s="766"/>
      <c r="CZ128" s="766"/>
      <c r="DA128" s="766"/>
      <c r="DB128" s="766"/>
      <c r="DC128" s="766"/>
      <c r="DD128" s="766"/>
      <c r="DE128" s="766"/>
      <c r="DF128" s="767"/>
      <c r="DG128" s="826" t="s">
        <v>484</v>
      </c>
      <c r="DH128" s="827"/>
      <c r="DI128" s="827"/>
      <c r="DJ128" s="827"/>
      <c r="DK128" s="827"/>
      <c r="DL128" s="827" t="s">
        <v>485</v>
      </c>
      <c r="DM128" s="827"/>
      <c r="DN128" s="827"/>
      <c r="DO128" s="827"/>
      <c r="DP128" s="827"/>
      <c r="DQ128" s="827" t="s">
        <v>412</v>
      </c>
      <c r="DR128" s="827"/>
      <c r="DS128" s="827"/>
      <c r="DT128" s="827"/>
      <c r="DU128" s="827"/>
      <c r="DV128" s="828" t="s">
        <v>459</v>
      </c>
      <c r="DW128" s="828"/>
      <c r="DX128" s="828"/>
      <c r="DY128" s="828"/>
      <c r="DZ128" s="829"/>
    </row>
    <row r="129" spans="1:131" s="230" customFormat="1" ht="26.25" customHeight="1" x14ac:dyDescent="0.2">
      <c r="A129" s="810" t="s">
        <v>110</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503</v>
      </c>
      <c r="X129" s="813"/>
      <c r="Y129" s="813"/>
      <c r="Z129" s="814"/>
      <c r="AA129" s="815">
        <v>9835919</v>
      </c>
      <c r="AB129" s="816"/>
      <c r="AC129" s="816"/>
      <c r="AD129" s="816"/>
      <c r="AE129" s="817"/>
      <c r="AF129" s="818">
        <v>9492102</v>
      </c>
      <c r="AG129" s="816"/>
      <c r="AH129" s="816"/>
      <c r="AI129" s="816"/>
      <c r="AJ129" s="817"/>
      <c r="AK129" s="818">
        <v>10338887</v>
      </c>
      <c r="AL129" s="816"/>
      <c r="AM129" s="816"/>
      <c r="AN129" s="816"/>
      <c r="AO129" s="817"/>
      <c r="AP129" s="819"/>
      <c r="AQ129" s="820"/>
      <c r="AR129" s="820"/>
      <c r="AS129" s="820"/>
      <c r="AT129" s="821"/>
      <c r="AU129" s="233"/>
      <c r="AV129" s="233"/>
      <c r="AW129" s="233"/>
      <c r="AX129" s="787" t="s">
        <v>504</v>
      </c>
      <c r="AY129" s="788"/>
      <c r="AZ129" s="788"/>
      <c r="BA129" s="788"/>
      <c r="BB129" s="788"/>
      <c r="BC129" s="788"/>
      <c r="BD129" s="788"/>
      <c r="BE129" s="789"/>
      <c r="BF129" s="806" t="s">
        <v>492</v>
      </c>
      <c r="BG129" s="807"/>
      <c r="BH129" s="807"/>
      <c r="BI129" s="807"/>
      <c r="BJ129" s="807"/>
      <c r="BK129" s="807"/>
      <c r="BL129" s="808"/>
      <c r="BM129" s="806">
        <v>18.28</v>
      </c>
      <c r="BN129" s="807"/>
      <c r="BO129" s="807"/>
      <c r="BP129" s="807"/>
      <c r="BQ129" s="807"/>
      <c r="BR129" s="807"/>
      <c r="BS129" s="808"/>
      <c r="BT129" s="806">
        <v>30</v>
      </c>
      <c r="BU129" s="807"/>
      <c r="BV129" s="807"/>
      <c r="BW129" s="807"/>
      <c r="BX129" s="807"/>
      <c r="BY129" s="807"/>
      <c r="BZ129" s="80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810" t="s">
        <v>505</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506</v>
      </c>
      <c r="X130" s="813"/>
      <c r="Y130" s="813"/>
      <c r="Z130" s="814"/>
      <c r="AA130" s="815">
        <v>767341</v>
      </c>
      <c r="AB130" s="816"/>
      <c r="AC130" s="816"/>
      <c r="AD130" s="816"/>
      <c r="AE130" s="817"/>
      <c r="AF130" s="818">
        <v>748547</v>
      </c>
      <c r="AG130" s="816"/>
      <c r="AH130" s="816"/>
      <c r="AI130" s="816"/>
      <c r="AJ130" s="817"/>
      <c r="AK130" s="818">
        <v>699278</v>
      </c>
      <c r="AL130" s="816"/>
      <c r="AM130" s="816"/>
      <c r="AN130" s="816"/>
      <c r="AO130" s="817"/>
      <c r="AP130" s="819"/>
      <c r="AQ130" s="820"/>
      <c r="AR130" s="820"/>
      <c r="AS130" s="820"/>
      <c r="AT130" s="821"/>
      <c r="AU130" s="233"/>
      <c r="AV130" s="233"/>
      <c r="AW130" s="233"/>
      <c r="AX130" s="787" t="s">
        <v>507</v>
      </c>
      <c r="AY130" s="788"/>
      <c r="AZ130" s="788"/>
      <c r="BA130" s="788"/>
      <c r="BB130" s="788"/>
      <c r="BC130" s="788"/>
      <c r="BD130" s="788"/>
      <c r="BE130" s="789"/>
      <c r="BF130" s="790">
        <v>3.3</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508</v>
      </c>
      <c r="X131" s="797"/>
      <c r="Y131" s="797"/>
      <c r="Z131" s="798"/>
      <c r="AA131" s="799">
        <v>9068578</v>
      </c>
      <c r="AB131" s="800"/>
      <c r="AC131" s="800"/>
      <c r="AD131" s="800"/>
      <c r="AE131" s="801"/>
      <c r="AF131" s="802">
        <v>8743555</v>
      </c>
      <c r="AG131" s="800"/>
      <c r="AH131" s="800"/>
      <c r="AI131" s="800"/>
      <c r="AJ131" s="801"/>
      <c r="AK131" s="802">
        <v>9639609</v>
      </c>
      <c r="AL131" s="800"/>
      <c r="AM131" s="800"/>
      <c r="AN131" s="800"/>
      <c r="AO131" s="801"/>
      <c r="AP131" s="803"/>
      <c r="AQ131" s="804"/>
      <c r="AR131" s="804"/>
      <c r="AS131" s="804"/>
      <c r="AT131" s="805"/>
      <c r="AU131" s="233"/>
      <c r="AV131" s="233"/>
      <c r="AW131" s="233"/>
      <c r="AX131" s="765" t="s">
        <v>509</v>
      </c>
      <c r="AY131" s="766"/>
      <c r="AZ131" s="766"/>
      <c r="BA131" s="766"/>
      <c r="BB131" s="766"/>
      <c r="BC131" s="766"/>
      <c r="BD131" s="766"/>
      <c r="BE131" s="767"/>
      <c r="BF131" s="768" t="s">
        <v>489</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74" t="s">
        <v>510</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511</v>
      </c>
      <c r="W132" s="778"/>
      <c r="X132" s="778"/>
      <c r="Y132" s="778"/>
      <c r="Z132" s="779"/>
      <c r="AA132" s="780">
        <v>2.2730906649999998</v>
      </c>
      <c r="AB132" s="781"/>
      <c r="AC132" s="781"/>
      <c r="AD132" s="781"/>
      <c r="AE132" s="782"/>
      <c r="AF132" s="783">
        <v>3.6603990020000001</v>
      </c>
      <c r="AG132" s="781"/>
      <c r="AH132" s="781"/>
      <c r="AI132" s="781"/>
      <c r="AJ132" s="782"/>
      <c r="AK132" s="783">
        <v>4.144317472</v>
      </c>
      <c r="AL132" s="781"/>
      <c r="AM132" s="781"/>
      <c r="AN132" s="781"/>
      <c r="AO132" s="782"/>
      <c r="AP132" s="784"/>
      <c r="AQ132" s="785"/>
      <c r="AR132" s="785"/>
      <c r="AS132" s="785"/>
      <c r="AT132" s="78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512</v>
      </c>
      <c r="W133" s="757"/>
      <c r="X133" s="757"/>
      <c r="Y133" s="757"/>
      <c r="Z133" s="758"/>
      <c r="AA133" s="759">
        <v>3</v>
      </c>
      <c r="AB133" s="760"/>
      <c r="AC133" s="760"/>
      <c r="AD133" s="760"/>
      <c r="AE133" s="761"/>
      <c r="AF133" s="759">
        <v>3.1</v>
      </c>
      <c r="AG133" s="760"/>
      <c r="AH133" s="760"/>
      <c r="AI133" s="760"/>
      <c r="AJ133" s="761"/>
      <c r="AK133" s="759">
        <v>3.3</v>
      </c>
      <c r="AL133" s="760"/>
      <c r="AM133" s="760"/>
      <c r="AN133" s="760"/>
      <c r="AO133" s="761"/>
      <c r="AP133" s="762"/>
      <c r="AQ133" s="763"/>
      <c r="AR133" s="763"/>
      <c r="AS133" s="763"/>
      <c r="AT133" s="764"/>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MrZa9lHhKth2H0Dd3Sovg9sILKD80xwftVzM/NIoTomIXE1/Enfp8jVYNUKJ2knFLBYkdoerf7iupPZ5pDOv1A==" saltValue="25/XpGtVPBfN1UOn82HFdw=="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1640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13</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K/SJO76FY4nlXLNmhKpqoN8CKPYXyiX6zYIP/++tGs0+VZVo6xsKh8nkbFYpGiThdhfJIsFxdh5TK7JaaXWIBQ==" saltValue="WkmVLxbMbk3AySOFQ5CaF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l1KclFm6ZpADV+DvzKAZNvR19A1DayOpOy7swOnoPNXRjjsqOkn+Z1/fMYJ1AtqJr/ECo17/sG1ZGjj0x3SA0w==" saltValue="Xak7DlPKsUxq/CclPCqHy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14</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5</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4" t="s">
        <v>516</v>
      </c>
      <c r="AP7" s="272"/>
      <c r="AQ7" s="273" t="s">
        <v>517</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5"/>
      <c r="AP8" s="278" t="s">
        <v>518</v>
      </c>
      <c r="AQ8" s="279" t="s">
        <v>519</v>
      </c>
      <c r="AR8" s="280" t="s">
        <v>520</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66" t="s">
        <v>521</v>
      </c>
      <c r="AL9" s="1167"/>
      <c r="AM9" s="1167"/>
      <c r="AN9" s="1168"/>
      <c r="AO9" s="281">
        <v>2898741</v>
      </c>
      <c r="AP9" s="281">
        <v>59082</v>
      </c>
      <c r="AQ9" s="282">
        <v>65553</v>
      </c>
      <c r="AR9" s="283">
        <v>-9.9</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66" t="s">
        <v>522</v>
      </c>
      <c r="AL10" s="1167"/>
      <c r="AM10" s="1167"/>
      <c r="AN10" s="1168"/>
      <c r="AO10" s="284">
        <v>371</v>
      </c>
      <c r="AP10" s="284">
        <v>8</v>
      </c>
      <c r="AQ10" s="285">
        <v>8503</v>
      </c>
      <c r="AR10" s="286">
        <v>-99.9</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66" t="s">
        <v>523</v>
      </c>
      <c r="AL11" s="1167"/>
      <c r="AM11" s="1167"/>
      <c r="AN11" s="1168"/>
      <c r="AO11" s="284">
        <v>33316</v>
      </c>
      <c r="AP11" s="284">
        <v>679</v>
      </c>
      <c r="AQ11" s="285">
        <v>289</v>
      </c>
      <c r="AR11" s="286">
        <v>134.9</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66" t="s">
        <v>524</v>
      </c>
      <c r="AL12" s="1167"/>
      <c r="AM12" s="1167"/>
      <c r="AN12" s="1168"/>
      <c r="AO12" s="284" t="s">
        <v>525</v>
      </c>
      <c r="AP12" s="284" t="s">
        <v>525</v>
      </c>
      <c r="AQ12" s="285">
        <v>23</v>
      </c>
      <c r="AR12" s="286" t="s">
        <v>525</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66" t="s">
        <v>526</v>
      </c>
      <c r="AL13" s="1167"/>
      <c r="AM13" s="1167"/>
      <c r="AN13" s="1168"/>
      <c r="AO13" s="284">
        <v>175181</v>
      </c>
      <c r="AP13" s="284">
        <v>3571</v>
      </c>
      <c r="AQ13" s="285">
        <v>2667</v>
      </c>
      <c r="AR13" s="286">
        <v>33.9</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66" t="s">
        <v>527</v>
      </c>
      <c r="AL14" s="1167"/>
      <c r="AM14" s="1167"/>
      <c r="AN14" s="1168"/>
      <c r="AO14" s="284">
        <v>24846</v>
      </c>
      <c r="AP14" s="284">
        <v>506</v>
      </c>
      <c r="AQ14" s="285">
        <v>1163</v>
      </c>
      <c r="AR14" s="286">
        <v>-56.5</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69" t="s">
        <v>528</v>
      </c>
      <c r="AL15" s="1170"/>
      <c r="AM15" s="1170"/>
      <c r="AN15" s="1171"/>
      <c r="AO15" s="284">
        <v>-207777</v>
      </c>
      <c r="AP15" s="284">
        <v>-4235</v>
      </c>
      <c r="AQ15" s="285">
        <v>-4250</v>
      </c>
      <c r="AR15" s="286">
        <v>-0.4</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69" t="s">
        <v>189</v>
      </c>
      <c r="AL16" s="1170"/>
      <c r="AM16" s="1170"/>
      <c r="AN16" s="1171"/>
      <c r="AO16" s="284">
        <v>2924678</v>
      </c>
      <c r="AP16" s="284">
        <v>59611</v>
      </c>
      <c r="AQ16" s="285">
        <v>73949</v>
      </c>
      <c r="AR16" s="286">
        <v>-19.399999999999999</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9</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30</v>
      </c>
      <c r="AP20" s="293" t="s">
        <v>531</v>
      </c>
      <c r="AQ20" s="294" t="s">
        <v>532</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72" t="s">
        <v>533</v>
      </c>
      <c r="AL21" s="1173"/>
      <c r="AM21" s="1173"/>
      <c r="AN21" s="1174"/>
      <c r="AO21" s="297">
        <v>5.63</v>
      </c>
      <c r="AP21" s="298">
        <v>6.65</v>
      </c>
      <c r="AQ21" s="299">
        <v>-1.02</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72" t="s">
        <v>534</v>
      </c>
      <c r="AL22" s="1173"/>
      <c r="AM22" s="1173"/>
      <c r="AN22" s="1174"/>
      <c r="AO22" s="302">
        <v>99.7</v>
      </c>
      <c r="AP22" s="303">
        <v>97</v>
      </c>
      <c r="AQ22" s="304">
        <v>2.7</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65" t="s">
        <v>535</v>
      </c>
      <c r="B26" s="1165"/>
      <c r="C26" s="1165"/>
      <c r="D26" s="1165"/>
      <c r="E26" s="1165"/>
      <c r="F26" s="1165"/>
      <c r="G26" s="1165"/>
      <c r="H26" s="1165"/>
      <c r="I26" s="1165"/>
      <c r="J26" s="1165"/>
      <c r="K26" s="1165"/>
      <c r="L26" s="1165"/>
      <c r="M26" s="1165"/>
      <c r="N26" s="1165"/>
      <c r="O26" s="1165"/>
      <c r="P26" s="1165"/>
      <c r="Q26" s="1165"/>
      <c r="R26" s="1165"/>
      <c r="S26" s="1165"/>
      <c r="T26" s="1165"/>
      <c r="U26" s="1165"/>
      <c r="V26" s="1165"/>
      <c r="W26" s="1165"/>
      <c r="X26" s="1165"/>
      <c r="Y26" s="1165"/>
      <c r="Z26" s="1165"/>
      <c r="AA26" s="1165"/>
      <c r="AB26" s="1165"/>
      <c r="AC26" s="1165"/>
      <c r="AD26" s="1165"/>
      <c r="AE26" s="1165"/>
      <c r="AF26" s="1165"/>
      <c r="AG26" s="1165"/>
      <c r="AH26" s="1165"/>
      <c r="AI26" s="1165"/>
      <c r="AJ26" s="1165"/>
      <c r="AK26" s="1165"/>
      <c r="AL26" s="1165"/>
      <c r="AM26" s="1165"/>
      <c r="AN26" s="1165"/>
      <c r="AO26" s="1165"/>
      <c r="AP26" s="1165"/>
      <c r="AQ26" s="1165"/>
      <c r="AR26" s="1165"/>
      <c r="AS26" s="1165"/>
      <c r="AT26" s="267"/>
    </row>
    <row r="27" spans="1:46" ht="13" x14ac:dyDescent="0.2">
      <c r="A27" s="309"/>
      <c r="AO27" s="262"/>
      <c r="AP27" s="262"/>
      <c r="AQ27" s="262"/>
      <c r="AR27" s="262"/>
      <c r="AS27" s="262"/>
      <c r="AT27" s="262"/>
    </row>
    <row r="28" spans="1:46" ht="16.5" x14ac:dyDescent="0.2">
      <c r="A28" s="263" t="s">
        <v>536</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7</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4" t="s">
        <v>516</v>
      </c>
      <c r="AP30" s="272"/>
      <c r="AQ30" s="273" t="s">
        <v>517</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5"/>
      <c r="AP31" s="278" t="s">
        <v>518</v>
      </c>
      <c r="AQ31" s="279" t="s">
        <v>519</v>
      </c>
      <c r="AR31" s="280" t="s">
        <v>520</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56" t="s">
        <v>538</v>
      </c>
      <c r="AL32" s="1157"/>
      <c r="AM32" s="1157"/>
      <c r="AN32" s="1158"/>
      <c r="AO32" s="312">
        <v>1082855</v>
      </c>
      <c r="AP32" s="312">
        <v>22071</v>
      </c>
      <c r="AQ32" s="313">
        <v>33124</v>
      </c>
      <c r="AR32" s="314">
        <v>-33.4</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56" t="s">
        <v>539</v>
      </c>
      <c r="AL33" s="1157"/>
      <c r="AM33" s="1157"/>
      <c r="AN33" s="1158"/>
      <c r="AO33" s="312" t="s">
        <v>525</v>
      </c>
      <c r="AP33" s="312" t="s">
        <v>525</v>
      </c>
      <c r="AQ33" s="313" t="s">
        <v>525</v>
      </c>
      <c r="AR33" s="314" t="s">
        <v>525</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56" t="s">
        <v>540</v>
      </c>
      <c r="AL34" s="1157"/>
      <c r="AM34" s="1157"/>
      <c r="AN34" s="1158"/>
      <c r="AO34" s="312" t="s">
        <v>525</v>
      </c>
      <c r="AP34" s="312" t="s">
        <v>525</v>
      </c>
      <c r="AQ34" s="313" t="s">
        <v>525</v>
      </c>
      <c r="AR34" s="314" t="s">
        <v>525</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56" t="s">
        <v>541</v>
      </c>
      <c r="AL35" s="1157"/>
      <c r="AM35" s="1157"/>
      <c r="AN35" s="1158"/>
      <c r="AO35" s="312">
        <v>211622</v>
      </c>
      <c r="AP35" s="312">
        <v>4313</v>
      </c>
      <c r="AQ35" s="313">
        <v>9022</v>
      </c>
      <c r="AR35" s="314">
        <v>-52.2</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56" t="s">
        <v>542</v>
      </c>
      <c r="AL36" s="1157"/>
      <c r="AM36" s="1157"/>
      <c r="AN36" s="1158"/>
      <c r="AO36" s="312" t="s">
        <v>525</v>
      </c>
      <c r="AP36" s="312" t="s">
        <v>525</v>
      </c>
      <c r="AQ36" s="313">
        <v>1987</v>
      </c>
      <c r="AR36" s="314" t="s">
        <v>525</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56" t="s">
        <v>543</v>
      </c>
      <c r="AL37" s="1157"/>
      <c r="AM37" s="1157"/>
      <c r="AN37" s="1158"/>
      <c r="AO37" s="312">
        <v>124822</v>
      </c>
      <c r="AP37" s="312">
        <v>2544</v>
      </c>
      <c r="AQ37" s="313">
        <v>678</v>
      </c>
      <c r="AR37" s="314">
        <v>275.2</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59" t="s">
        <v>544</v>
      </c>
      <c r="AL38" s="1160"/>
      <c r="AM38" s="1160"/>
      <c r="AN38" s="1161"/>
      <c r="AO38" s="315" t="s">
        <v>525</v>
      </c>
      <c r="AP38" s="315" t="s">
        <v>525</v>
      </c>
      <c r="AQ38" s="316">
        <v>0</v>
      </c>
      <c r="AR38" s="304" t="s">
        <v>525</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59" t="s">
        <v>545</v>
      </c>
      <c r="AL39" s="1160"/>
      <c r="AM39" s="1160"/>
      <c r="AN39" s="1161"/>
      <c r="AO39" s="312">
        <v>-320525</v>
      </c>
      <c r="AP39" s="312">
        <v>-6533</v>
      </c>
      <c r="AQ39" s="313">
        <v>-3119</v>
      </c>
      <c r="AR39" s="314">
        <v>109.5</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56" t="s">
        <v>546</v>
      </c>
      <c r="AL40" s="1157"/>
      <c r="AM40" s="1157"/>
      <c r="AN40" s="1158"/>
      <c r="AO40" s="312">
        <v>-699278</v>
      </c>
      <c r="AP40" s="312">
        <v>-14253</v>
      </c>
      <c r="AQ40" s="313">
        <v>-27108</v>
      </c>
      <c r="AR40" s="314">
        <v>-47.4</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62" t="s">
        <v>302</v>
      </c>
      <c r="AL41" s="1163"/>
      <c r="AM41" s="1163"/>
      <c r="AN41" s="1164"/>
      <c r="AO41" s="312">
        <v>399496</v>
      </c>
      <c r="AP41" s="312">
        <v>8143</v>
      </c>
      <c r="AQ41" s="313">
        <v>14583</v>
      </c>
      <c r="AR41" s="314">
        <v>-44.2</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7</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8</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9</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49" t="s">
        <v>516</v>
      </c>
      <c r="AN49" s="1151" t="s">
        <v>550</v>
      </c>
      <c r="AO49" s="1152"/>
      <c r="AP49" s="1152"/>
      <c r="AQ49" s="1152"/>
      <c r="AR49" s="1153"/>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50"/>
      <c r="AN50" s="328" t="s">
        <v>551</v>
      </c>
      <c r="AO50" s="329" t="s">
        <v>552</v>
      </c>
      <c r="AP50" s="330" t="s">
        <v>553</v>
      </c>
      <c r="AQ50" s="331" t="s">
        <v>554</v>
      </c>
      <c r="AR50" s="332" t="s">
        <v>555</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6</v>
      </c>
      <c r="AL51" s="325"/>
      <c r="AM51" s="333">
        <v>888806</v>
      </c>
      <c r="AN51" s="334">
        <v>18293</v>
      </c>
      <c r="AO51" s="335">
        <v>-31.7</v>
      </c>
      <c r="AP51" s="336">
        <v>47387</v>
      </c>
      <c r="AQ51" s="337">
        <v>-9.1999999999999993</v>
      </c>
      <c r="AR51" s="338">
        <v>-22.5</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7</v>
      </c>
      <c r="AM52" s="341">
        <v>710923</v>
      </c>
      <c r="AN52" s="342">
        <v>14632</v>
      </c>
      <c r="AO52" s="343">
        <v>4</v>
      </c>
      <c r="AP52" s="344">
        <v>24928</v>
      </c>
      <c r="AQ52" s="345">
        <v>0.3</v>
      </c>
      <c r="AR52" s="346">
        <v>3.7</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8</v>
      </c>
      <c r="AL53" s="325"/>
      <c r="AM53" s="333">
        <v>959510</v>
      </c>
      <c r="AN53" s="334">
        <v>19704</v>
      </c>
      <c r="AO53" s="335">
        <v>7.7</v>
      </c>
      <c r="AP53" s="336">
        <v>51264</v>
      </c>
      <c r="AQ53" s="337">
        <v>8.1999999999999993</v>
      </c>
      <c r="AR53" s="338">
        <v>-0.5</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7</v>
      </c>
      <c r="AM54" s="341">
        <v>526696</v>
      </c>
      <c r="AN54" s="342">
        <v>10816</v>
      </c>
      <c r="AO54" s="343">
        <v>-26.1</v>
      </c>
      <c r="AP54" s="344">
        <v>26040</v>
      </c>
      <c r="AQ54" s="345">
        <v>4.5</v>
      </c>
      <c r="AR54" s="346">
        <v>-30.6</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9</v>
      </c>
      <c r="AL55" s="325"/>
      <c r="AM55" s="333">
        <v>1873769</v>
      </c>
      <c r="AN55" s="334">
        <v>38293</v>
      </c>
      <c r="AO55" s="335">
        <v>94.3</v>
      </c>
      <c r="AP55" s="336">
        <v>52068</v>
      </c>
      <c r="AQ55" s="337">
        <v>1.6</v>
      </c>
      <c r="AR55" s="338">
        <v>92.7</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7</v>
      </c>
      <c r="AM56" s="341">
        <v>1362163</v>
      </c>
      <c r="AN56" s="342">
        <v>27837</v>
      </c>
      <c r="AO56" s="343">
        <v>157.4</v>
      </c>
      <c r="AP56" s="344">
        <v>26936</v>
      </c>
      <c r="AQ56" s="345">
        <v>3.4</v>
      </c>
      <c r="AR56" s="346">
        <v>154</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60</v>
      </c>
      <c r="AL57" s="325"/>
      <c r="AM57" s="333">
        <v>1215180</v>
      </c>
      <c r="AN57" s="334">
        <v>24767</v>
      </c>
      <c r="AO57" s="335">
        <v>-35.299999999999997</v>
      </c>
      <c r="AP57" s="336">
        <v>47161</v>
      </c>
      <c r="AQ57" s="337">
        <v>-9.4</v>
      </c>
      <c r="AR57" s="338">
        <v>-25.9</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7</v>
      </c>
      <c r="AM58" s="341">
        <v>756120</v>
      </c>
      <c r="AN58" s="342">
        <v>15411</v>
      </c>
      <c r="AO58" s="343">
        <v>-44.6</v>
      </c>
      <c r="AP58" s="344">
        <v>24595</v>
      </c>
      <c r="AQ58" s="345">
        <v>-8.6999999999999993</v>
      </c>
      <c r="AR58" s="346">
        <v>-35.9</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1</v>
      </c>
      <c r="AL59" s="325"/>
      <c r="AM59" s="333">
        <v>1627552</v>
      </c>
      <c r="AN59" s="334">
        <v>33173</v>
      </c>
      <c r="AO59" s="335">
        <v>33.9</v>
      </c>
      <c r="AP59" s="336">
        <v>43423</v>
      </c>
      <c r="AQ59" s="337">
        <v>-7.9</v>
      </c>
      <c r="AR59" s="338">
        <v>41.8</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7</v>
      </c>
      <c r="AM60" s="341">
        <v>1517847</v>
      </c>
      <c r="AN60" s="342">
        <v>30937</v>
      </c>
      <c r="AO60" s="343">
        <v>100.7</v>
      </c>
      <c r="AP60" s="344">
        <v>22207</v>
      </c>
      <c r="AQ60" s="345">
        <v>-9.6999999999999993</v>
      </c>
      <c r="AR60" s="346">
        <v>110.4</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2</v>
      </c>
      <c r="AL61" s="347"/>
      <c r="AM61" s="348">
        <v>1312963</v>
      </c>
      <c r="AN61" s="349">
        <v>26846</v>
      </c>
      <c r="AO61" s="350">
        <v>13.8</v>
      </c>
      <c r="AP61" s="351">
        <v>48261</v>
      </c>
      <c r="AQ61" s="352">
        <v>-3.3</v>
      </c>
      <c r="AR61" s="338">
        <v>17.100000000000001</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7</v>
      </c>
      <c r="AM62" s="341">
        <v>974750</v>
      </c>
      <c r="AN62" s="342">
        <v>19927</v>
      </c>
      <c r="AO62" s="343">
        <v>38.299999999999997</v>
      </c>
      <c r="AP62" s="344">
        <v>24941</v>
      </c>
      <c r="AQ62" s="345">
        <v>-2</v>
      </c>
      <c r="AR62" s="346">
        <v>40.299999999999997</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wqfd8Y2J604wZ1Rq3aMjd08jlm030yZAkkYveaJQPxeQ6ScYr+F3i/UEcLheArstzqhtmlTMPtVS3kxbexFXw==" saltValue="hUluZcRk/lifndV8zhuLE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4</v>
      </c>
    </row>
    <row r="120" spans="125:125" ht="13.5" hidden="1" customHeight="1" x14ac:dyDescent="0.2"/>
    <row r="121" spans="125:125" ht="13.5" hidden="1" customHeight="1" x14ac:dyDescent="0.2">
      <c r="DU121" s="259"/>
    </row>
  </sheetData>
  <sheetProtection algorithmName="SHA-512" hashValue="l/PuvUqpDZcE6od6+JmIxaGBKhdOpUTA1Y5JiQunzp5/twv+M+4i4wnDto364MsXBB/iiJNLcaklxHLSfgSWaw==" saltValue="jT976f1K0yxKba5Yy3PXk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5</v>
      </c>
    </row>
  </sheetData>
  <sheetProtection algorithmName="SHA-512" hashValue="pNSTifcdCC0ubIuBh+zVdafzlJ750fEuX0qEI9V9RNug+mjE7+YwpXZzKzKhhFdolK1KGYo96HdKx/ie+cMBhA==" saltValue="aBAgHXHPgglc6r9AcYfem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79687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66</v>
      </c>
      <c r="G46" s="8" t="s">
        <v>567</v>
      </c>
      <c r="H46" s="8" t="s">
        <v>568</v>
      </c>
      <c r="I46" s="8" t="s">
        <v>569</v>
      </c>
      <c r="J46" s="9" t="s">
        <v>570</v>
      </c>
    </row>
    <row r="47" spans="2:10" ht="57.75" customHeight="1" x14ac:dyDescent="0.2">
      <c r="B47" s="10"/>
      <c r="C47" s="1175" t="s">
        <v>3</v>
      </c>
      <c r="D47" s="1175"/>
      <c r="E47" s="1176"/>
      <c r="F47" s="11">
        <v>20.63</v>
      </c>
      <c r="G47" s="12">
        <v>24.21</v>
      </c>
      <c r="H47" s="12">
        <v>24.56</v>
      </c>
      <c r="I47" s="12">
        <v>26.77</v>
      </c>
      <c r="J47" s="13">
        <v>30.84</v>
      </c>
    </row>
    <row r="48" spans="2:10" ht="57.75" customHeight="1" x14ac:dyDescent="0.2">
      <c r="B48" s="14"/>
      <c r="C48" s="1177" t="s">
        <v>4</v>
      </c>
      <c r="D48" s="1177"/>
      <c r="E48" s="1178"/>
      <c r="F48" s="15">
        <v>11.73</v>
      </c>
      <c r="G48" s="16">
        <v>11.55</v>
      </c>
      <c r="H48" s="16">
        <v>10.07</v>
      </c>
      <c r="I48" s="16">
        <v>22.76</v>
      </c>
      <c r="J48" s="17">
        <v>18.829999999999998</v>
      </c>
    </row>
    <row r="49" spans="2:10" ht="57.75" customHeight="1" thickBot="1" x14ac:dyDescent="0.25">
      <c r="B49" s="18"/>
      <c r="C49" s="1179" t="s">
        <v>5</v>
      </c>
      <c r="D49" s="1179"/>
      <c r="E49" s="1180"/>
      <c r="F49" s="19">
        <v>5.58</v>
      </c>
      <c r="G49" s="20">
        <v>3.42</v>
      </c>
      <c r="H49" s="20">
        <v>0.74</v>
      </c>
      <c r="I49" s="20">
        <v>13.65</v>
      </c>
      <c r="J49" s="21">
        <v>4.21</v>
      </c>
    </row>
    <row r="50" spans="2:10" ht="13" x14ac:dyDescent="0.2"/>
  </sheetData>
  <sheetProtection algorithmName="SHA-512" hashValue="AKsCDicSYXrMPXGV5BQThAjLPXTB+x54U7KG2rvmER+4uNrQxYiINmjSOgLGDH4WrQVeLrUh99wJw+sP73qHIA==" saltValue="KUWmHxJo/8YdN0fqBv33d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8T07:46:31Z</cp:lastPrinted>
  <dcterms:created xsi:type="dcterms:W3CDTF">2024-03-14T02:07:24Z</dcterms:created>
  <dcterms:modified xsi:type="dcterms:W3CDTF">2024-09-26T04:33:43Z</dcterms:modified>
  <cp:category/>
</cp:coreProperties>
</file>